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3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theme/theme4.xml" ContentType="application/vnd.openxmlformats-officedocument.theme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7" r:id="rId4"/>
    <p:sldMasterId id="2147483693" r:id="rId5"/>
    <p:sldMasterId id="2147483707" r:id="rId6"/>
    <p:sldMasterId id="2147483725" r:id="rId7"/>
    <p:sldMasterId id="2147483745" r:id="rId8"/>
  </p:sldMasterIdLst>
  <p:notesMasterIdLst>
    <p:notesMasterId r:id="rId12"/>
  </p:notesMasterIdLst>
  <p:sldIdLst>
    <p:sldId id="1333" r:id="rId9"/>
    <p:sldId id="2147307454" r:id="rId10"/>
    <p:sldId id="838840129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8F4102F-04F6-41E0-98FA-1EB3F234E2B3}" v="34" dt="2021-03-11T03:08:54.18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80" autoAdjust="0"/>
    <p:restoredTop sz="95271"/>
  </p:normalViewPr>
  <p:slideViewPr>
    <p:cSldViewPr snapToGrid="0">
      <p:cViewPr varScale="1">
        <p:scale>
          <a:sx n="60" d="100"/>
          <a:sy n="60" d="100"/>
        </p:scale>
        <p:origin x="840" y="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presProps" Target="presProps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4.xml"/><Relationship Id="rId12" Type="http://schemas.openxmlformats.org/officeDocument/2006/relationships/notesMaster" Target="notesMasters/notesMaster1.xml"/><Relationship Id="rId17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5" Type="http://schemas.openxmlformats.org/officeDocument/2006/relationships/slideMaster" Target="slideMasters/slideMaster2.xml"/><Relationship Id="rId15" Type="http://schemas.openxmlformats.org/officeDocument/2006/relationships/theme" Target="theme/theme1.xml"/><Relationship Id="rId10" Type="http://schemas.openxmlformats.org/officeDocument/2006/relationships/slide" Target="slides/slide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D8F4102F-04F6-41E0-98FA-1EB3F234E2B3}"/>
    <pc:docChg chg="undo custSel modSld">
      <pc:chgData name="Ajwaliya, Nishit" userId="d6171631-3d08-453d-8afd-2dc62a5026e2" providerId="ADAL" clId="{D8F4102F-04F6-41E0-98FA-1EB3F234E2B3}" dt="2021-03-11T17:27:20.937" v="727" actId="122"/>
      <pc:docMkLst>
        <pc:docMk/>
      </pc:docMkLst>
      <pc:sldChg chg="modSp">
        <pc:chgData name="Ajwaliya, Nishit" userId="d6171631-3d08-453d-8afd-2dc62a5026e2" providerId="ADAL" clId="{D8F4102F-04F6-41E0-98FA-1EB3F234E2B3}" dt="2021-03-11T17:27:20.937" v="727" actId="122"/>
        <pc:sldMkLst>
          <pc:docMk/>
          <pc:sldMk cId="1999032925" sldId="1333"/>
        </pc:sldMkLst>
        <pc:graphicFrameChg chg="mod modGraphic">
          <ac:chgData name="Ajwaliya, Nishit" userId="d6171631-3d08-453d-8afd-2dc62a5026e2" providerId="ADAL" clId="{D8F4102F-04F6-41E0-98FA-1EB3F234E2B3}" dt="2021-03-11T17:27:20.937" v="727" actId="122"/>
          <ac:graphicFrameMkLst>
            <pc:docMk/>
            <pc:sldMk cId="1999032925" sldId="1333"/>
            <ac:graphicFrameMk id="2" creationId="{26AA74D9-2D5E-4C0B-B212-3CD967938141}"/>
          </ac:graphicFrameMkLst>
        </pc:graphicFrameChg>
      </pc:sldChg>
      <pc:sldChg chg="addSp delSp modSp">
        <pc:chgData name="Ajwaliya, Nishit" userId="d6171631-3d08-453d-8afd-2dc62a5026e2" providerId="ADAL" clId="{D8F4102F-04F6-41E0-98FA-1EB3F234E2B3}" dt="2021-03-11T03:11:02.277" v="684" actId="1037"/>
        <pc:sldMkLst>
          <pc:docMk/>
          <pc:sldMk cId="2569511727" sldId="2147307454"/>
        </pc:sldMkLst>
        <pc:spChg chg="mod">
          <ac:chgData name="Ajwaliya, Nishit" userId="d6171631-3d08-453d-8afd-2dc62a5026e2" providerId="ADAL" clId="{D8F4102F-04F6-41E0-98FA-1EB3F234E2B3}" dt="2021-03-11T02:56:00.953" v="68" actId="1036"/>
          <ac:spMkLst>
            <pc:docMk/>
            <pc:sldMk cId="2569511727" sldId="2147307454"/>
            <ac:spMk id="24" creationId="{589FEC22-3503-46A6-852D-980452A1AE14}"/>
          </ac:spMkLst>
        </pc:spChg>
        <pc:spChg chg="mod">
          <ac:chgData name="Ajwaliya, Nishit" userId="d6171631-3d08-453d-8afd-2dc62a5026e2" providerId="ADAL" clId="{D8F4102F-04F6-41E0-98FA-1EB3F234E2B3}" dt="2021-03-11T03:09:18.514" v="670" actId="1076"/>
          <ac:spMkLst>
            <pc:docMk/>
            <pc:sldMk cId="2569511727" sldId="2147307454"/>
            <ac:spMk id="25" creationId="{EABE8EC2-416A-418B-8120-B18B31EBDEBF}"/>
          </ac:spMkLst>
        </pc:spChg>
        <pc:spChg chg="mod">
          <ac:chgData name="Ajwaliya, Nishit" userId="d6171631-3d08-453d-8afd-2dc62a5026e2" providerId="ADAL" clId="{D8F4102F-04F6-41E0-98FA-1EB3F234E2B3}" dt="2021-03-11T02:51:35.057" v="7" actId="14100"/>
          <ac:spMkLst>
            <pc:docMk/>
            <pc:sldMk cId="2569511727" sldId="2147307454"/>
            <ac:spMk id="28" creationId="{57DE089B-5DA7-40E2-88B0-96941EA72729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33" creationId="{0C00487C-EEF0-4683-8846-FC948EF76C6E}"/>
          </ac:spMkLst>
        </pc:spChg>
        <pc:spChg chg="mod">
          <ac:chgData name="Ajwaliya, Nishit" userId="d6171631-3d08-453d-8afd-2dc62a5026e2" providerId="ADAL" clId="{D8F4102F-04F6-41E0-98FA-1EB3F234E2B3}" dt="2021-03-11T02:51:49.766" v="9" actId="14100"/>
          <ac:spMkLst>
            <pc:docMk/>
            <pc:sldMk cId="2569511727" sldId="2147307454"/>
            <ac:spMk id="43" creationId="{56E801B7-7A25-42F8-96A7-0CA94319B74C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67" creationId="{466AB895-CCC8-43ED-A69B-54D9D03307DE}"/>
          </ac:spMkLst>
        </pc:spChg>
        <pc:spChg chg="add del mod">
          <ac:chgData name="Ajwaliya, Nishit" userId="d6171631-3d08-453d-8afd-2dc62a5026e2" providerId="ADAL" clId="{D8F4102F-04F6-41E0-98FA-1EB3F234E2B3}" dt="2021-03-11T03:00:48.927" v="308" actId="20577"/>
          <ac:spMkLst>
            <pc:docMk/>
            <pc:sldMk cId="2569511727" sldId="2147307454"/>
            <ac:spMk id="68" creationId="{9B234603-0E51-4363-A842-3971F23C9FCE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73" creationId="{6672F47D-DC96-412C-A349-2C7614CB09AC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74" creationId="{329EE1C2-CC16-4987-A784-AF27EDB40520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78" creationId="{CAC66209-F7F6-4C52-ACA6-73ED3C140E75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79" creationId="{A18C78BC-93C9-45EA-AC20-CFF10E2707B7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80" creationId="{0C03A630-9600-482E-885B-24C71A457DC5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83" creationId="{94B214B1-8059-4334-B47A-434338024433}"/>
          </ac:spMkLst>
        </pc:spChg>
        <pc:spChg chg="add del mod">
          <ac:chgData name="Ajwaliya, Nishit" userId="d6171631-3d08-453d-8afd-2dc62a5026e2" providerId="ADAL" clId="{D8F4102F-04F6-41E0-98FA-1EB3F234E2B3}" dt="2021-03-11T02:55:20.618" v="15"/>
          <ac:spMkLst>
            <pc:docMk/>
            <pc:sldMk cId="2569511727" sldId="2147307454"/>
            <ac:spMk id="89" creationId="{7BDDD813-E201-4985-B399-5028CE2A8788}"/>
          </ac:spMkLst>
        </pc:spChg>
        <pc:spChg chg="add del mod">
          <ac:chgData name="Ajwaliya, Nishit" userId="d6171631-3d08-453d-8afd-2dc62a5026e2" providerId="ADAL" clId="{D8F4102F-04F6-41E0-98FA-1EB3F234E2B3}" dt="2021-03-11T02:55:20.618" v="15"/>
          <ac:spMkLst>
            <pc:docMk/>
            <pc:sldMk cId="2569511727" sldId="2147307454"/>
            <ac:spMk id="90" creationId="{E477B491-B88F-447D-B554-D493974D5610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91" creationId="{DB63FBA2-01D0-411C-A156-891BF33CC32C}"/>
          </ac:spMkLst>
        </pc:spChg>
        <pc:spChg chg="add del mod">
          <ac:chgData name="Ajwaliya, Nishit" userId="d6171631-3d08-453d-8afd-2dc62a5026e2" providerId="ADAL" clId="{D8F4102F-04F6-41E0-98FA-1EB3F234E2B3}" dt="2021-03-11T02:55:20.618" v="15"/>
          <ac:spMkLst>
            <pc:docMk/>
            <pc:sldMk cId="2569511727" sldId="2147307454"/>
            <ac:spMk id="92" creationId="{D500653D-11CB-4A1E-B080-C8B9F992B618}"/>
          </ac:spMkLst>
        </pc:spChg>
        <pc:spChg chg="add del mod">
          <ac:chgData name="Ajwaliya, Nishit" userId="d6171631-3d08-453d-8afd-2dc62a5026e2" providerId="ADAL" clId="{D8F4102F-04F6-41E0-98FA-1EB3F234E2B3}" dt="2021-03-11T02:55:20.618" v="15"/>
          <ac:spMkLst>
            <pc:docMk/>
            <pc:sldMk cId="2569511727" sldId="2147307454"/>
            <ac:spMk id="93" creationId="{77675744-A71E-49C3-B322-595FAE17DF82}"/>
          </ac:spMkLst>
        </pc:spChg>
        <pc:spChg chg="add del mod">
          <ac:chgData name="Ajwaliya, Nishit" userId="d6171631-3d08-453d-8afd-2dc62a5026e2" providerId="ADAL" clId="{D8F4102F-04F6-41E0-98FA-1EB3F234E2B3}" dt="2021-03-11T03:08:03.896" v="647" actId="478"/>
          <ac:spMkLst>
            <pc:docMk/>
            <pc:sldMk cId="2569511727" sldId="2147307454"/>
            <ac:spMk id="94" creationId="{20CF5121-8EBA-455C-994B-C22EF01576AB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95" creationId="{F15A6982-A985-459D-AABD-50932DDCD28A}"/>
          </ac:spMkLst>
        </pc:spChg>
        <pc:spChg chg="add del mod">
          <ac:chgData name="Ajwaliya, Nishit" userId="d6171631-3d08-453d-8afd-2dc62a5026e2" providerId="ADAL" clId="{D8F4102F-04F6-41E0-98FA-1EB3F234E2B3}" dt="2021-03-11T03:08:03.896" v="647" actId="478"/>
          <ac:spMkLst>
            <pc:docMk/>
            <pc:sldMk cId="2569511727" sldId="2147307454"/>
            <ac:spMk id="96" creationId="{C084069B-7C74-4876-B760-37574198296C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100" creationId="{3A09A029-302E-4B9B-866D-0D696D5131FA}"/>
          </ac:spMkLst>
        </pc:spChg>
        <pc:spChg chg="add del mod">
          <ac:chgData name="Ajwaliya, Nishit" userId="d6171631-3d08-453d-8afd-2dc62a5026e2" providerId="ADAL" clId="{D8F4102F-04F6-41E0-98FA-1EB3F234E2B3}" dt="2021-03-11T02:56:13.389" v="91" actId="1036"/>
          <ac:spMkLst>
            <pc:docMk/>
            <pc:sldMk cId="2569511727" sldId="2147307454"/>
            <ac:spMk id="101" creationId="{15CC1046-8680-45CB-89F0-310FEB97A359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102" creationId="{1FFAC9FD-B3F0-4106-BF9A-3DC5D127BC52}"/>
          </ac:spMkLst>
        </pc:spChg>
        <pc:spChg chg="add del mod">
          <ac:chgData name="Ajwaliya, Nishit" userId="d6171631-3d08-453d-8afd-2dc62a5026e2" providerId="ADAL" clId="{D8F4102F-04F6-41E0-98FA-1EB3F234E2B3}" dt="2021-03-11T02:56:20.264" v="107" actId="1036"/>
          <ac:spMkLst>
            <pc:docMk/>
            <pc:sldMk cId="2569511727" sldId="2147307454"/>
            <ac:spMk id="103" creationId="{A55B8CAF-8879-4121-824B-B5030C1DEE34}"/>
          </ac:spMkLst>
        </pc:spChg>
        <pc:spChg chg="add del mod">
          <ac:chgData name="Ajwaliya, Nishit" userId="d6171631-3d08-453d-8afd-2dc62a5026e2" providerId="ADAL" clId="{D8F4102F-04F6-41E0-98FA-1EB3F234E2B3}" dt="2021-03-11T03:08:03.896" v="647" actId="478"/>
          <ac:spMkLst>
            <pc:docMk/>
            <pc:sldMk cId="2569511727" sldId="2147307454"/>
            <ac:spMk id="104" creationId="{B75A7F3B-55D6-45CA-A063-AFB5CE3BE4FC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06" creationId="{8CAE9CB2-933C-44C2-8ED6-D2956D406FC8}"/>
          </ac:spMkLst>
        </pc:spChg>
        <pc:spChg chg="add del mod">
          <ac:chgData name="Ajwaliya, Nishit" userId="d6171631-3d08-453d-8afd-2dc62a5026e2" providerId="ADAL" clId="{D8F4102F-04F6-41E0-98FA-1EB3F234E2B3}" dt="2021-03-11T03:08:03.896" v="647" actId="478"/>
          <ac:spMkLst>
            <pc:docMk/>
            <pc:sldMk cId="2569511727" sldId="2147307454"/>
            <ac:spMk id="107" creationId="{599D7184-1E2B-49D7-9D1B-87E7FF5902A1}"/>
          </ac:spMkLst>
        </pc:spChg>
        <pc:spChg chg="add del mod">
          <ac:chgData name="Ajwaliya, Nishit" userId="d6171631-3d08-453d-8afd-2dc62a5026e2" providerId="ADAL" clId="{D8F4102F-04F6-41E0-98FA-1EB3F234E2B3}" dt="2021-03-11T03:05:31.478" v="452" actId="478"/>
          <ac:spMkLst>
            <pc:docMk/>
            <pc:sldMk cId="2569511727" sldId="2147307454"/>
            <ac:spMk id="108" creationId="{FE9B8561-F68F-4F75-BC33-9D809DA5F611}"/>
          </ac:spMkLst>
        </pc:spChg>
        <pc:spChg chg="add del mod">
          <ac:chgData name="Ajwaliya, Nishit" userId="d6171631-3d08-453d-8afd-2dc62a5026e2" providerId="ADAL" clId="{D8F4102F-04F6-41E0-98FA-1EB3F234E2B3}" dt="2021-03-11T03:05:31.478" v="452" actId="478"/>
          <ac:spMkLst>
            <pc:docMk/>
            <pc:sldMk cId="2569511727" sldId="2147307454"/>
            <ac:spMk id="109" creationId="{9100EB05-290B-4FF9-BB9B-E28DCF54FF54}"/>
          </ac:spMkLst>
        </pc:spChg>
        <pc:spChg chg="add del mod">
          <ac:chgData name="Ajwaliya, Nishit" userId="d6171631-3d08-453d-8afd-2dc62a5026e2" providerId="ADAL" clId="{D8F4102F-04F6-41E0-98FA-1EB3F234E2B3}" dt="2021-03-11T03:05:31.478" v="452" actId="478"/>
          <ac:spMkLst>
            <pc:docMk/>
            <pc:sldMk cId="2569511727" sldId="2147307454"/>
            <ac:spMk id="111" creationId="{6EC91652-75C7-4EE3-8704-AC79EE1D94C7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3" creationId="{B3B577FA-E4BE-4097-9CC8-B8646A46DFFE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4" creationId="{CD387AF8-F468-4269-81F5-BF236440A027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5" creationId="{AFA39E3B-5972-4961-8AD6-232126FDD057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6" creationId="{D20B6FBB-3D96-4DB1-BFCD-BD52EE5DD0C0}"/>
          </ac:spMkLst>
        </pc:spChg>
        <pc:spChg chg="add mod">
          <ac:chgData name="Ajwaliya, Nishit" userId="d6171631-3d08-453d-8afd-2dc62a5026e2" providerId="ADAL" clId="{D8F4102F-04F6-41E0-98FA-1EB3F234E2B3}" dt="2021-03-11T03:07:33.545" v="564" actId="1037"/>
          <ac:spMkLst>
            <pc:docMk/>
            <pc:sldMk cId="2569511727" sldId="2147307454"/>
            <ac:spMk id="117" creationId="{7B0343E6-9A83-4FB4-BE00-D64EBE698025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8" creationId="{1694EDD0-14B1-4F7B-9AF6-F635D2B4A74E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19" creationId="{C0EBCF05-983B-4B74-8D35-173A7F64E6EE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21" creationId="{8FA32EF7-AAC3-4CFE-A691-EC498BFD359F}"/>
          </ac:spMkLst>
        </pc:spChg>
        <pc:spChg chg="add mod">
          <ac:chgData name="Ajwaliya, Nishit" userId="d6171631-3d08-453d-8afd-2dc62a5026e2" providerId="ADAL" clId="{D8F4102F-04F6-41E0-98FA-1EB3F234E2B3}" dt="2021-03-11T03:07:40.988" v="597" actId="1037"/>
          <ac:spMkLst>
            <pc:docMk/>
            <pc:sldMk cId="2569511727" sldId="2147307454"/>
            <ac:spMk id="122" creationId="{941FC2E9-C03C-45B4-AF4C-8F1C34467FFE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24" creationId="{9F4C7122-2C17-4AA5-A4A4-223756C4AB60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25" creationId="{3860698E-B02E-41F3-A0C7-AF4D820AF5F6}"/>
          </ac:spMkLst>
        </pc:spChg>
        <pc:spChg chg="add mod">
          <ac:chgData name="Ajwaliya, Nishit" userId="d6171631-3d08-453d-8afd-2dc62a5026e2" providerId="ADAL" clId="{D8F4102F-04F6-41E0-98FA-1EB3F234E2B3}" dt="2021-03-11T03:07:02.433" v="533" actId="1037"/>
          <ac:spMkLst>
            <pc:docMk/>
            <pc:sldMk cId="2569511727" sldId="2147307454"/>
            <ac:spMk id="131" creationId="{AC4E5A5F-E6BC-4F4E-B9D6-53DBF46FBD4F}"/>
          </ac:spMkLst>
        </pc:spChg>
        <pc:spChg chg="add mod">
          <ac:chgData name="Ajwaliya, Nishit" userId="d6171631-3d08-453d-8afd-2dc62a5026e2" providerId="ADAL" clId="{D8F4102F-04F6-41E0-98FA-1EB3F234E2B3}" dt="2021-03-11T03:07:54.913" v="646" actId="1035"/>
          <ac:spMkLst>
            <pc:docMk/>
            <pc:sldMk cId="2569511727" sldId="2147307454"/>
            <ac:spMk id="132" creationId="{3F6B51D1-A3A5-4124-8421-98C13E6F661D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34" creationId="{B31F85A9-BFCB-43CF-9359-A90A24B82FBD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35" creationId="{DD9D14D5-1B47-4C8D-A25D-84056CBE3B2D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36" creationId="{D5097388-9660-42DB-9567-B164CB3EC5A0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37" creationId="{538F14A3-8E51-47B7-9408-2D78E79F0180}"/>
          </ac:spMkLst>
        </pc:spChg>
        <pc:spChg chg="mod">
          <ac:chgData name="Ajwaliya, Nishit" userId="d6171631-3d08-453d-8afd-2dc62a5026e2" providerId="ADAL" clId="{D8F4102F-04F6-41E0-98FA-1EB3F234E2B3}" dt="2021-03-11T03:01:16.116" v="310" actId="14100"/>
          <ac:spMkLst>
            <pc:docMk/>
            <pc:sldMk cId="2569511727" sldId="2147307454"/>
            <ac:spMk id="138" creationId="{2BDD3DE7-3FC1-4D02-A681-64E182864F29}"/>
          </ac:spMkLst>
        </pc:spChg>
        <pc:spChg chg="mod">
          <ac:chgData name="Ajwaliya, Nishit" userId="d6171631-3d08-453d-8afd-2dc62a5026e2" providerId="ADAL" clId="{D8F4102F-04F6-41E0-98FA-1EB3F234E2B3}" dt="2021-03-11T03:01:12.105" v="309" actId="14100"/>
          <ac:spMkLst>
            <pc:docMk/>
            <pc:sldMk cId="2569511727" sldId="2147307454"/>
            <ac:spMk id="139" creationId="{DCEA2215-C91C-4143-9469-F530FE55C90F}"/>
          </ac:spMkLst>
        </pc:spChg>
        <pc:spChg chg="mod">
          <ac:chgData name="Ajwaliya, Nishit" userId="d6171631-3d08-453d-8afd-2dc62a5026e2" providerId="ADAL" clId="{D8F4102F-04F6-41E0-98FA-1EB3F234E2B3}" dt="2021-03-11T02:51:56.922" v="10" actId="14100"/>
          <ac:spMkLst>
            <pc:docMk/>
            <pc:sldMk cId="2569511727" sldId="2147307454"/>
            <ac:spMk id="140" creationId="{17442861-3E8E-4979-97DD-4BF38E4EE735}"/>
          </ac:spMkLst>
        </pc:spChg>
        <pc:spChg chg="mod">
          <ac:chgData name="Ajwaliya, Nishit" userId="d6171631-3d08-453d-8afd-2dc62a5026e2" providerId="ADAL" clId="{D8F4102F-04F6-41E0-98FA-1EB3F234E2B3}" dt="2021-03-11T02:57:03.825" v="142" actId="1036"/>
          <ac:spMkLst>
            <pc:docMk/>
            <pc:sldMk cId="2569511727" sldId="2147307454"/>
            <ac:spMk id="141" creationId="{8454E314-08AF-4EEC-BE26-CFEFD373A96C}"/>
          </ac:spMkLst>
        </pc:spChg>
        <pc:spChg chg="mod">
          <ac:chgData name="Ajwaliya, Nishit" userId="d6171631-3d08-453d-8afd-2dc62a5026e2" providerId="ADAL" clId="{D8F4102F-04F6-41E0-98FA-1EB3F234E2B3}" dt="2021-03-11T02:57:03.825" v="142" actId="1036"/>
          <ac:spMkLst>
            <pc:docMk/>
            <pc:sldMk cId="2569511727" sldId="2147307454"/>
            <ac:spMk id="142" creationId="{74E8E649-57E6-4FF6-8FDC-37640C8CF740}"/>
          </ac:spMkLst>
        </pc:spChg>
        <pc:spChg chg="mod">
          <ac:chgData name="Ajwaliya, Nishit" userId="d6171631-3d08-453d-8afd-2dc62a5026e2" providerId="ADAL" clId="{D8F4102F-04F6-41E0-98FA-1EB3F234E2B3}" dt="2021-03-11T03:01:26.863" v="316" actId="1036"/>
          <ac:spMkLst>
            <pc:docMk/>
            <pc:sldMk cId="2569511727" sldId="2147307454"/>
            <ac:spMk id="143" creationId="{66793348-176F-452C-A8EB-A6B4A27D3F4E}"/>
          </ac:spMkLst>
        </pc:spChg>
        <pc:spChg chg="mod">
          <ac:chgData name="Ajwaliya, Nishit" userId="d6171631-3d08-453d-8afd-2dc62a5026e2" providerId="ADAL" clId="{D8F4102F-04F6-41E0-98FA-1EB3F234E2B3}" dt="2021-03-11T02:57:03.825" v="142" actId="1036"/>
          <ac:spMkLst>
            <pc:docMk/>
            <pc:sldMk cId="2569511727" sldId="2147307454"/>
            <ac:spMk id="144" creationId="{B7F088B2-B180-408A-9097-EAAA3DA83D05}"/>
          </ac:spMkLst>
        </pc:spChg>
        <pc:spChg chg="add del mod">
          <ac:chgData name="Ajwaliya, Nishit" userId="d6171631-3d08-453d-8afd-2dc62a5026e2" providerId="ADAL" clId="{D8F4102F-04F6-41E0-98FA-1EB3F234E2B3}" dt="2021-03-11T03:01:26.863" v="316" actId="1036"/>
          <ac:spMkLst>
            <pc:docMk/>
            <pc:sldMk cId="2569511727" sldId="2147307454"/>
            <ac:spMk id="145" creationId="{A7132199-87DB-4DE4-864F-4CB9530D0E3E}"/>
          </ac:spMkLst>
        </pc:spChg>
        <pc:spChg chg="mod">
          <ac:chgData name="Ajwaliya, Nishit" userId="d6171631-3d08-453d-8afd-2dc62a5026e2" providerId="ADAL" clId="{D8F4102F-04F6-41E0-98FA-1EB3F234E2B3}" dt="2021-03-11T03:07:09.055" v="542" actId="1037"/>
          <ac:spMkLst>
            <pc:docMk/>
            <pc:sldMk cId="2569511727" sldId="2147307454"/>
            <ac:spMk id="146" creationId="{B00D803B-D9B9-4768-AC71-0EA2488E4BC3}"/>
          </ac:spMkLst>
        </pc:spChg>
        <pc:spChg chg="mod">
          <ac:chgData name="Ajwaliya, Nishit" userId="d6171631-3d08-453d-8afd-2dc62a5026e2" providerId="ADAL" clId="{D8F4102F-04F6-41E0-98FA-1EB3F234E2B3}" dt="2021-03-11T03:07:17.311" v="556" actId="1035"/>
          <ac:spMkLst>
            <pc:docMk/>
            <pc:sldMk cId="2569511727" sldId="2147307454"/>
            <ac:spMk id="147" creationId="{25E81B18-5C10-4C61-9D30-000CF6A05746}"/>
          </ac:spMkLst>
        </pc:spChg>
        <pc:spChg chg="add mod">
          <ac:chgData name="Ajwaliya, Nishit" userId="d6171631-3d08-453d-8afd-2dc62a5026e2" providerId="ADAL" clId="{D8F4102F-04F6-41E0-98FA-1EB3F234E2B3}" dt="2021-03-11T03:06:29.705" v="523" actId="1038"/>
          <ac:spMkLst>
            <pc:docMk/>
            <pc:sldMk cId="2569511727" sldId="2147307454"/>
            <ac:spMk id="148" creationId="{22C58E60-058C-4DA0-9B38-A1677A178FB4}"/>
          </ac:spMkLst>
        </pc:spChg>
        <pc:spChg chg="add mod">
          <ac:chgData name="Ajwaliya, Nishit" userId="d6171631-3d08-453d-8afd-2dc62a5026e2" providerId="ADAL" clId="{D8F4102F-04F6-41E0-98FA-1EB3F234E2B3}" dt="2021-03-11T03:06:48.474" v="525" actId="20577"/>
          <ac:spMkLst>
            <pc:docMk/>
            <pc:sldMk cId="2569511727" sldId="2147307454"/>
            <ac:spMk id="149" creationId="{CF138F9C-5433-424C-89F0-05DF065EEE32}"/>
          </ac:spMkLst>
        </pc:spChg>
        <pc:spChg chg="mod">
          <ac:chgData name="Ajwaliya, Nishit" userId="d6171631-3d08-453d-8afd-2dc62a5026e2" providerId="ADAL" clId="{D8F4102F-04F6-41E0-98FA-1EB3F234E2B3}" dt="2021-03-11T02:55:42.800" v="45" actId="1036"/>
          <ac:spMkLst>
            <pc:docMk/>
            <pc:sldMk cId="2569511727" sldId="2147307454"/>
            <ac:spMk id="152" creationId="{0C8BB149-CCDD-4AD2-9427-49F1A7AF2C10}"/>
          </ac:spMkLst>
        </pc:spChg>
        <pc:spChg chg="add del mod">
          <ac:chgData name="Ajwaliya, Nishit" userId="d6171631-3d08-453d-8afd-2dc62a5026e2" providerId="ADAL" clId="{D8F4102F-04F6-41E0-98FA-1EB3F234E2B3}" dt="2021-03-11T02:56:26.450" v="117" actId="1036"/>
          <ac:spMkLst>
            <pc:docMk/>
            <pc:sldMk cId="2569511727" sldId="2147307454"/>
            <ac:spMk id="153" creationId="{4089AB22-43A6-4E72-B527-D69302FFBB17}"/>
          </ac:spMkLst>
        </pc:spChg>
        <pc:spChg chg="mod">
          <ac:chgData name="Ajwaliya, Nishit" userId="d6171631-3d08-453d-8afd-2dc62a5026e2" providerId="ADAL" clId="{D8F4102F-04F6-41E0-98FA-1EB3F234E2B3}" dt="2021-03-11T02:57:03.825" v="142" actId="1036"/>
          <ac:spMkLst>
            <pc:docMk/>
            <pc:sldMk cId="2569511727" sldId="2147307454"/>
            <ac:spMk id="154" creationId="{68A66D4D-8972-418F-B65D-4BB5F301D2D0}"/>
          </ac:spMkLst>
        </pc:spChg>
        <pc:spChg chg="mod">
          <ac:chgData name="Ajwaliya, Nishit" userId="d6171631-3d08-453d-8afd-2dc62a5026e2" providerId="ADAL" clId="{D8F4102F-04F6-41E0-98FA-1EB3F234E2B3}" dt="2021-03-11T03:01:37.566" v="331" actId="1037"/>
          <ac:spMkLst>
            <pc:docMk/>
            <pc:sldMk cId="2569511727" sldId="2147307454"/>
            <ac:spMk id="155" creationId="{924B783C-3028-45F3-9E2E-C2D4DF735EFA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56" creationId="{E956FF74-B566-4CE5-8937-63FE00ED0A85}"/>
          </ac:spMkLst>
        </pc:spChg>
        <pc:spChg chg="del">
          <ac:chgData name="Ajwaliya, Nishit" userId="d6171631-3d08-453d-8afd-2dc62a5026e2" providerId="ADAL" clId="{D8F4102F-04F6-41E0-98FA-1EB3F234E2B3}" dt="2021-03-11T02:48:57.306" v="0" actId="478"/>
          <ac:spMkLst>
            <pc:docMk/>
            <pc:sldMk cId="2569511727" sldId="2147307454"/>
            <ac:spMk id="157" creationId="{2F3507E7-F42C-46BA-9FAD-8716688891F1}"/>
          </ac:spMkLst>
        </pc:spChg>
        <pc:spChg chg="mod">
          <ac:chgData name="Ajwaliya, Nishit" userId="d6171631-3d08-453d-8afd-2dc62a5026e2" providerId="ADAL" clId="{D8F4102F-04F6-41E0-98FA-1EB3F234E2B3}" dt="2021-03-11T02:58:43.477" v="224" actId="1076"/>
          <ac:spMkLst>
            <pc:docMk/>
            <pc:sldMk cId="2569511727" sldId="2147307454"/>
            <ac:spMk id="158" creationId="{DB3F1DAB-9400-4E1D-87A4-6BC8AFEA5030}"/>
          </ac:spMkLst>
        </pc:spChg>
        <pc:spChg chg="mod">
          <ac:chgData name="Ajwaliya, Nishit" userId="d6171631-3d08-453d-8afd-2dc62a5026e2" providerId="ADAL" clId="{D8F4102F-04F6-41E0-98FA-1EB3F234E2B3}" dt="2021-03-11T02:57:03.825" v="142" actId="1036"/>
          <ac:spMkLst>
            <pc:docMk/>
            <pc:sldMk cId="2569511727" sldId="2147307454"/>
            <ac:spMk id="159" creationId="{12FDE791-4AB9-4DF0-A135-93DF6AAB64C2}"/>
          </ac:spMkLst>
        </pc:spChg>
        <pc:spChg chg="add mod">
          <ac:chgData name="Ajwaliya, Nishit" userId="d6171631-3d08-453d-8afd-2dc62a5026e2" providerId="ADAL" clId="{D8F4102F-04F6-41E0-98FA-1EB3F234E2B3}" dt="2021-03-11T03:11:02.277" v="684" actId="1037"/>
          <ac:spMkLst>
            <pc:docMk/>
            <pc:sldMk cId="2569511727" sldId="2147307454"/>
            <ac:spMk id="160" creationId="{9186D222-BC40-4DE4-9AC8-4C776A522648}"/>
          </ac:spMkLst>
        </pc:spChg>
        <pc:spChg chg="add mod">
          <ac:chgData name="Ajwaliya, Nishit" userId="d6171631-3d08-453d-8afd-2dc62a5026e2" providerId="ADAL" clId="{D8F4102F-04F6-41E0-98FA-1EB3F234E2B3}" dt="2021-03-11T03:10:55.345" v="680" actId="1035"/>
          <ac:spMkLst>
            <pc:docMk/>
            <pc:sldMk cId="2569511727" sldId="2147307454"/>
            <ac:spMk id="161" creationId="{D167892D-9996-492F-80A4-A88137176C1A}"/>
          </ac:spMkLst>
        </pc:spChg>
        <pc:spChg chg="add mod">
          <ac:chgData name="Ajwaliya, Nishit" userId="d6171631-3d08-453d-8afd-2dc62a5026e2" providerId="ADAL" clId="{D8F4102F-04F6-41E0-98FA-1EB3F234E2B3}" dt="2021-03-11T03:10:49.486" v="677" actId="1038"/>
          <ac:spMkLst>
            <pc:docMk/>
            <pc:sldMk cId="2569511727" sldId="2147307454"/>
            <ac:spMk id="162" creationId="{B5AB7FB6-FD8B-4672-8E56-3D050230FD30}"/>
          </ac:spMkLst>
        </pc:spChg>
        <pc:spChg chg="add mod">
          <ac:chgData name="Ajwaliya, Nishit" userId="d6171631-3d08-453d-8afd-2dc62a5026e2" providerId="ADAL" clId="{D8F4102F-04F6-41E0-98FA-1EB3F234E2B3}" dt="2021-03-11T03:09:09.371" v="668" actId="1037"/>
          <ac:spMkLst>
            <pc:docMk/>
            <pc:sldMk cId="2569511727" sldId="2147307454"/>
            <ac:spMk id="163" creationId="{27343E2A-7112-4D9B-849F-89A6C35BA8B6}"/>
          </ac:spMkLst>
        </pc:spChg>
        <pc:spChg chg="add del mod">
          <ac:chgData name="Ajwaliya, Nishit" userId="d6171631-3d08-453d-8afd-2dc62a5026e2" providerId="ADAL" clId="{D8F4102F-04F6-41E0-98FA-1EB3F234E2B3}" dt="2021-03-11T03:09:28.487" v="672" actId="478"/>
          <ac:spMkLst>
            <pc:docMk/>
            <pc:sldMk cId="2569511727" sldId="2147307454"/>
            <ac:spMk id="164" creationId="{D2599BBD-1BD0-4187-9FEC-566416FD9860}"/>
          </ac:spMkLst>
        </pc:spChg>
      </pc:sldChg>
    </pc:docChg>
  </pc:docChgLst>
  <pc:docChgLst>
    <pc:chgData name="Ajwaliya, Nishit" userId="d6171631-3d08-453d-8afd-2dc62a5026e2" providerId="ADAL" clId="{6BB18F60-ADF6-40B9-BDE8-772C227906B2}"/>
    <pc:docChg chg="undo custSel addSld delSld modSld">
      <pc:chgData name="Ajwaliya, Nishit" userId="d6171631-3d08-453d-8afd-2dc62a5026e2" providerId="ADAL" clId="{6BB18F60-ADF6-40B9-BDE8-772C227906B2}" dt="2021-03-11T00:32:06.226" v="65" actId="108"/>
      <pc:docMkLst>
        <pc:docMk/>
      </pc:docMkLst>
      <pc:sldChg chg="del">
        <pc:chgData name="Ajwaliya, Nishit" userId="d6171631-3d08-453d-8afd-2dc62a5026e2" providerId="ADAL" clId="{6BB18F60-ADF6-40B9-BDE8-772C227906B2}" dt="2021-03-11T00:09:17.495" v="1" actId="2696"/>
        <pc:sldMkLst>
          <pc:docMk/>
          <pc:sldMk cId="1971426385" sldId="259"/>
        </pc:sldMkLst>
      </pc:sldChg>
      <pc:sldChg chg="del">
        <pc:chgData name="Ajwaliya, Nishit" userId="d6171631-3d08-453d-8afd-2dc62a5026e2" providerId="ADAL" clId="{6BB18F60-ADF6-40B9-BDE8-772C227906B2}" dt="2021-03-11T00:09:23.619" v="10" actId="2696"/>
        <pc:sldMkLst>
          <pc:docMk/>
          <pc:sldMk cId="2989632626" sldId="552"/>
        </pc:sldMkLst>
      </pc:sldChg>
      <pc:sldChg chg="del">
        <pc:chgData name="Ajwaliya, Nishit" userId="d6171631-3d08-453d-8afd-2dc62a5026e2" providerId="ADAL" clId="{6BB18F60-ADF6-40B9-BDE8-772C227906B2}" dt="2021-03-11T00:09:18.375" v="3" actId="2696"/>
        <pc:sldMkLst>
          <pc:docMk/>
          <pc:sldMk cId="2888301443" sldId="742"/>
        </pc:sldMkLst>
      </pc:sldChg>
      <pc:sldChg chg="del">
        <pc:chgData name="Ajwaliya, Nishit" userId="d6171631-3d08-453d-8afd-2dc62a5026e2" providerId="ADAL" clId="{6BB18F60-ADF6-40B9-BDE8-772C227906B2}" dt="2021-03-11T00:09:18.102" v="2" actId="2696"/>
        <pc:sldMkLst>
          <pc:docMk/>
          <pc:sldMk cId="3058215436" sldId="1326"/>
        </pc:sldMkLst>
      </pc:sldChg>
      <pc:sldChg chg="modSp">
        <pc:chgData name="Ajwaliya, Nishit" userId="d6171631-3d08-453d-8afd-2dc62a5026e2" providerId="ADAL" clId="{6BB18F60-ADF6-40B9-BDE8-772C227906B2}" dt="2021-03-11T00:29:15.614" v="62" actId="13926"/>
        <pc:sldMkLst>
          <pc:docMk/>
          <pc:sldMk cId="1999032925" sldId="1333"/>
        </pc:sldMkLst>
        <pc:spChg chg="mod">
          <ac:chgData name="Ajwaliya, Nishit" userId="d6171631-3d08-453d-8afd-2dc62a5026e2" providerId="ADAL" clId="{6BB18F60-ADF6-40B9-BDE8-772C227906B2}" dt="2021-03-11T00:27:19.567" v="61" actId="1076"/>
          <ac:spMkLst>
            <pc:docMk/>
            <pc:sldMk cId="1999032925" sldId="1333"/>
            <ac:spMk id="4" creationId="{EF61644D-D5C7-42BA-8257-2B422B4D2DC0}"/>
          </ac:spMkLst>
        </pc:spChg>
        <pc:graphicFrameChg chg="mod modGraphic">
          <ac:chgData name="Ajwaliya, Nishit" userId="d6171631-3d08-453d-8afd-2dc62a5026e2" providerId="ADAL" clId="{6BB18F60-ADF6-40B9-BDE8-772C227906B2}" dt="2021-03-11T00:29:15.614" v="62" actId="13926"/>
          <ac:graphicFrameMkLst>
            <pc:docMk/>
            <pc:sldMk cId="1999032925" sldId="1333"/>
            <ac:graphicFrameMk id="2" creationId="{26AA74D9-2D5E-4C0B-B212-3CD967938141}"/>
          </ac:graphicFrameMkLst>
        </pc:graphicFrameChg>
      </pc:sldChg>
      <pc:sldChg chg="del">
        <pc:chgData name="Ajwaliya, Nishit" userId="d6171631-3d08-453d-8afd-2dc62a5026e2" providerId="ADAL" clId="{6BB18F60-ADF6-40B9-BDE8-772C227906B2}" dt="2021-03-11T00:09:19.649" v="7" actId="2696"/>
        <pc:sldMkLst>
          <pc:docMk/>
          <pc:sldMk cId="125638542" sldId="1334"/>
        </pc:sldMkLst>
      </pc:sldChg>
      <pc:sldChg chg="del">
        <pc:chgData name="Ajwaliya, Nishit" userId="d6171631-3d08-453d-8afd-2dc62a5026e2" providerId="ADAL" clId="{6BB18F60-ADF6-40B9-BDE8-772C227906B2}" dt="2021-03-11T00:09:20.473" v="8" actId="2696"/>
        <pc:sldMkLst>
          <pc:docMk/>
          <pc:sldMk cId="1479894729" sldId="1335"/>
        </pc:sldMkLst>
      </pc:sldChg>
      <pc:sldChg chg="del">
        <pc:chgData name="Ajwaliya, Nishit" userId="d6171631-3d08-453d-8afd-2dc62a5026e2" providerId="ADAL" clId="{6BB18F60-ADF6-40B9-BDE8-772C227906B2}" dt="2021-03-11T00:09:19.051" v="6" actId="2696"/>
        <pc:sldMkLst>
          <pc:docMk/>
          <pc:sldMk cId="3363999467" sldId="6870"/>
        </pc:sldMkLst>
      </pc:sldChg>
      <pc:sldChg chg="del">
        <pc:chgData name="Ajwaliya, Nishit" userId="d6171631-3d08-453d-8afd-2dc62a5026e2" providerId="ADAL" clId="{6BB18F60-ADF6-40B9-BDE8-772C227906B2}" dt="2021-03-11T00:09:18.750" v="5" actId="2696"/>
        <pc:sldMkLst>
          <pc:docMk/>
          <pc:sldMk cId="544382313" sldId="6884"/>
        </pc:sldMkLst>
      </pc:sldChg>
      <pc:sldChg chg="modSp add">
        <pc:chgData name="Ajwaliya, Nishit" userId="d6171631-3d08-453d-8afd-2dc62a5026e2" providerId="ADAL" clId="{6BB18F60-ADF6-40B9-BDE8-772C227906B2}" dt="2021-03-11T00:18:55.866" v="59" actId="1036"/>
        <pc:sldMkLst>
          <pc:docMk/>
          <pc:sldMk cId="3608127331" sldId="838840129"/>
        </pc:sldMkLst>
        <pc:spChg chg="mod">
          <ac:chgData name="Ajwaliya, Nishit" userId="d6171631-3d08-453d-8afd-2dc62a5026e2" providerId="ADAL" clId="{6BB18F60-ADF6-40B9-BDE8-772C227906B2}" dt="2021-03-11T00:18:55.866" v="59" actId="1036"/>
          <ac:spMkLst>
            <pc:docMk/>
            <pc:sldMk cId="3608127331" sldId="838840129"/>
            <ac:spMk id="4" creationId="{AF152C34-ECAE-4C22-A661-E3B6C5C17F6A}"/>
          </ac:spMkLst>
        </pc:spChg>
        <pc:spChg chg="mod">
          <ac:chgData name="Ajwaliya, Nishit" userId="d6171631-3d08-453d-8afd-2dc62a5026e2" providerId="ADAL" clId="{6BB18F60-ADF6-40B9-BDE8-772C227906B2}" dt="2021-03-11T00:18:55.866" v="59" actId="1036"/>
          <ac:spMkLst>
            <pc:docMk/>
            <pc:sldMk cId="3608127331" sldId="838840129"/>
            <ac:spMk id="5" creationId="{B024C103-4B18-4DC9-94D5-A166B433FC07}"/>
          </ac:spMkLst>
        </pc:spChg>
      </pc:sldChg>
      <pc:sldChg chg="delSp modSp add">
        <pc:chgData name="Ajwaliya, Nishit" userId="d6171631-3d08-453d-8afd-2dc62a5026e2" providerId="ADAL" clId="{6BB18F60-ADF6-40B9-BDE8-772C227906B2}" dt="2021-03-11T00:32:06.226" v="65" actId="108"/>
        <pc:sldMkLst>
          <pc:docMk/>
          <pc:sldMk cId="2569511727" sldId="2147307454"/>
        </pc:sldMkLst>
        <pc:spChg chg="mod">
          <ac:chgData name="Ajwaliya, Nishit" userId="d6171631-3d08-453d-8afd-2dc62a5026e2" providerId="ADAL" clId="{6BB18F60-ADF6-40B9-BDE8-772C227906B2}" dt="2021-03-11T00:10:37.809" v="13" actId="255"/>
          <ac:spMkLst>
            <pc:docMk/>
            <pc:sldMk cId="2569511727" sldId="2147307454"/>
            <ac:spMk id="2" creationId="{65606505-0DE3-4026-B55A-3FA303F48ACA}"/>
          </ac:spMkLst>
        </pc:spChg>
        <pc:spChg chg="mod">
          <ac:chgData name="Ajwaliya, Nishit" userId="d6171631-3d08-453d-8afd-2dc62a5026e2" providerId="ADAL" clId="{6BB18F60-ADF6-40B9-BDE8-772C227906B2}" dt="2021-03-11T00:12:55.136" v="28" actId="207"/>
          <ac:spMkLst>
            <pc:docMk/>
            <pc:sldMk cId="2569511727" sldId="2147307454"/>
            <ac:spMk id="27" creationId="{10DC6CD8-91E3-4B53-9BD0-EB711AC08B2F}"/>
          </ac:spMkLst>
        </pc:spChg>
        <pc:spChg chg="mod">
          <ac:chgData name="Ajwaliya, Nishit" userId="d6171631-3d08-453d-8afd-2dc62a5026e2" providerId="ADAL" clId="{6BB18F60-ADF6-40B9-BDE8-772C227906B2}" dt="2021-03-11T00:12:55.136" v="28" actId="207"/>
          <ac:spMkLst>
            <pc:docMk/>
            <pc:sldMk cId="2569511727" sldId="2147307454"/>
            <ac:spMk id="30" creationId="{E0B4B23A-7932-43BC-AF8D-0F91C289B511}"/>
          </ac:spMkLst>
        </pc:spChg>
        <pc:spChg chg="mod">
          <ac:chgData name="Ajwaliya, Nishit" userId="d6171631-3d08-453d-8afd-2dc62a5026e2" providerId="ADAL" clId="{6BB18F60-ADF6-40B9-BDE8-772C227906B2}" dt="2021-03-11T00:31:48.696" v="63" actId="108"/>
          <ac:spMkLst>
            <pc:docMk/>
            <pc:sldMk cId="2569511727" sldId="2147307454"/>
            <ac:spMk id="43" creationId="{56E801B7-7A25-42F8-96A7-0CA94319B74C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64" creationId="{2D1BA13E-A354-4B38-A999-A785D8966392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65" creationId="{44EA30E4-244E-4F82-9D7D-21905BD4BA11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66" creationId="{A12C81B1-BE83-48E0-82F6-ED0EDEB9568A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69" creationId="{01B95DB8-8395-45E2-8451-4D61E9C8C07C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70" creationId="{CB334639-855E-4746-BFC5-89E45E4FD7C6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1" creationId="{8F7C78EF-3C75-4163-A598-3EFE46A4496D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4" creationId="{60BBD388-7AED-42EE-A76C-C401F0E3C966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5" creationId="{94C2F0E4-C549-4C65-85EC-0F72D28AEB7B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6" creationId="{7BEAD126-BC38-4A82-9ADF-631A1EB5B79A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7" creationId="{D171760A-447B-483E-87A3-5A7511C18F93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88" creationId="{1C61089B-9BC4-4D8D-B373-9B95214FAE1A}"/>
          </ac:spMkLst>
        </pc:spChg>
        <pc:spChg chg="del">
          <ac:chgData name="Ajwaliya, Nishit" userId="d6171631-3d08-453d-8afd-2dc62a5026e2" providerId="ADAL" clId="{6BB18F60-ADF6-40B9-BDE8-772C227906B2}" dt="2021-03-11T00:10:17.363" v="11" actId="478"/>
          <ac:spMkLst>
            <pc:docMk/>
            <pc:sldMk cId="2569511727" sldId="2147307454"/>
            <ac:spMk id="89" creationId="{71FF04DF-DB06-40C5-8FA7-A2FAEBE799F6}"/>
          </ac:spMkLst>
        </pc:spChg>
        <pc:spChg chg="del mod">
          <ac:chgData name="Ajwaliya, Nishit" userId="d6171631-3d08-453d-8afd-2dc62a5026e2" providerId="ADAL" clId="{6BB18F60-ADF6-40B9-BDE8-772C227906B2}" dt="2021-03-11T00:18:04.523" v="45" actId="478"/>
          <ac:spMkLst>
            <pc:docMk/>
            <pc:sldMk cId="2569511727" sldId="2147307454"/>
            <ac:spMk id="104" creationId="{B692ED1F-0DC4-46FD-9D82-0AA2D9C4A5C8}"/>
          </ac:spMkLst>
        </pc:spChg>
        <pc:spChg chg="mod">
          <ac:chgData name="Ajwaliya, Nishit" userId="d6171631-3d08-453d-8afd-2dc62a5026e2" providerId="ADAL" clId="{6BB18F60-ADF6-40B9-BDE8-772C227906B2}" dt="2021-03-11T00:32:06.226" v="65" actId="108"/>
          <ac:spMkLst>
            <pc:docMk/>
            <pc:sldMk cId="2569511727" sldId="2147307454"/>
            <ac:spMk id="114" creationId="{CD387AF8-F468-4269-81F5-BF236440A027}"/>
          </ac:spMkLst>
        </pc:spChg>
        <pc:spChg chg="mod">
          <ac:chgData name="Ajwaliya, Nishit" userId="d6171631-3d08-453d-8afd-2dc62a5026e2" providerId="ADAL" clId="{6BB18F60-ADF6-40B9-BDE8-772C227906B2}" dt="2021-03-11T00:11:38.430" v="24" actId="14100"/>
          <ac:spMkLst>
            <pc:docMk/>
            <pc:sldMk cId="2569511727" sldId="2147307454"/>
            <ac:spMk id="120" creationId="{0985C24F-0727-47A9-A4DC-E0DF87EF2AAF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23" creationId="{F8340138-0BF2-4FF0-B509-432F5CC72A75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26" creationId="{907AA7C3-1245-45EC-9C80-1A87690C683F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27" creationId="{FFD8F116-EE4A-477D-AB8F-8002FDADFB81}"/>
          </ac:spMkLst>
        </pc:spChg>
        <pc:spChg chg="mod">
          <ac:chgData name="Ajwaliya, Nishit" userId="d6171631-3d08-453d-8afd-2dc62a5026e2" providerId="ADAL" clId="{6BB18F60-ADF6-40B9-BDE8-772C227906B2}" dt="2021-03-11T00:11:07.452" v="17" actId="1035"/>
          <ac:spMkLst>
            <pc:docMk/>
            <pc:sldMk cId="2569511727" sldId="2147307454"/>
            <ac:spMk id="128" creationId="{6ABCA873-7546-4896-8E99-701F8FB06648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29" creationId="{DE2965F7-5F5B-45F7-BBF8-2465706802D9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30" creationId="{8D198724-3E6B-4504-AE71-7A5090A86AB4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33" creationId="{05BCA9C4-6418-416D-A089-DF0F70D10B10}"/>
          </ac:spMkLst>
        </pc:spChg>
        <pc:spChg chg="mod">
          <ac:chgData name="Ajwaliya, Nishit" userId="d6171631-3d08-453d-8afd-2dc62a5026e2" providerId="ADAL" clId="{6BB18F60-ADF6-40B9-BDE8-772C227906B2}" dt="2021-03-11T00:31:56.361" v="64" actId="108"/>
          <ac:spMkLst>
            <pc:docMk/>
            <pc:sldMk cId="2569511727" sldId="2147307454"/>
            <ac:spMk id="140" creationId="{17442861-3E8E-4979-97DD-4BF38E4EE735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50" creationId="{1B462DF7-7129-4030-9023-3BE86B89F625}"/>
          </ac:spMkLst>
        </pc:spChg>
        <pc:spChg chg="mod">
          <ac:chgData name="Ajwaliya, Nishit" userId="d6171631-3d08-453d-8afd-2dc62a5026e2" providerId="ADAL" clId="{6BB18F60-ADF6-40B9-BDE8-772C227906B2}" dt="2021-03-11T00:12:40.357" v="27" actId="207"/>
          <ac:spMkLst>
            <pc:docMk/>
            <pc:sldMk cId="2569511727" sldId="2147307454"/>
            <ac:spMk id="151" creationId="{E48FAD15-5A7D-431A-A138-B4407DF629FD}"/>
          </ac:spMkLst>
        </pc:spChg>
      </pc:sldChg>
      <pc:sldMasterChg chg="delSldLayout">
        <pc:chgData name="Ajwaliya, Nishit" userId="d6171631-3d08-453d-8afd-2dc62a5026e2" providerId="ADAL" clId="{6BB18F60-ADF6-40B9-BDE8-772C227906B2}" dt="2021-03-11T00:09:20.474" v="9" actId="2696"/>
        <pc:sldMasterMkLst>
          <pc:docMk/>
          <pc:sldMasterMk cId="520892765" sldId="2147483745"/>
        </pc:sldMasterMkLst>
        <pc:sldLayoutChg chg="del">
          <pc:chgData name="Ajwaliya, Nishit" userId="d6171631-3d08-453d-8afd-2dc62a5026e2" providerId="ADAL" clId="{6BB18F60-ADF6-40B9-BDE8-772C227906B2}" dt="2021-03-11T00:09:20.474" v="9" actId="2696"/>
          <pc:sldLayoutMkLst>
            <pc:docMk/>
            <pc:sldMasterMk cId="520892765" sldId="2147483745"/>
            <pc:sldLayoutMk cId="694694559" sldId="2147483762"/>
          </pc:sldLayoutMkLst>
        </pc:sldLayoutChg>
        <pc:sldLayoutChg chg="del">
          <pc:chgData name="Ajwaliya, Nishit" userId="d6171631-3d08-453d-8afd-2dc62a5026e2" providerId="ADAL" clId="{6BB18F60-ADF6-40B9-BDE8-772C227906B2}" dt="2021-03-11T00:09:18.376" v="4" actId="2696"/>
          <pc:sldLayoutMkLst>
            <pc:docMk/>
            <pc:sldMasterMk cId="520892765" sldId="2147483745"/>
            <pc:sldLayoutMk cId="3626183074" sldId="2147483763"/>
          </pc:sldLayoutMkLst>
        </pc:sldLayout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F4B365-65D9-4921-AEBA-30C340E2EA73}" type="datetimeFigureOut">
              <a:rPr lang="en-US" smtClean="0"/>
              <a:t>3/11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6DA78F4-A108-4BF5-ABF1-59DB9CCC402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92682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>
                <a:latin typeface="Arial"/>
                <a:cs typeface="Arial"/>
              </a:rPr>
              <a:t>Nishit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378634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Nishi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85750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0.png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0.pn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sv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sv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sv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sv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0.png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0.png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and Content - Sc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91173" y="2971487"/>
            <a:ext cx="2064000" cy="2064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9" name="Picture Placeholder 12"/>
          <p:cNvSpPr>
            <a:spLocks noGrp="1"/>
          </p:cNvSpPr>
          <p:nvPr>
            <p:ph type="pic" sz="quarter" idx="15"/>
          </p:nvPr>
        </p:nvSpPr>
        <p:spPr>
          <a:xfrm>
            <a:off x="10132304" y="2971503"/>
            <a:ext cx="2064000" cy="2064000"/>
          </a:xfrm>
        </p:spPr>
        <p:txBody>
          <a:bodyPr>
            <a:normAutofit/>
          </a:bodyPr>
          <a:lstStyle>
            <a:lvl1pPr marL="0" indent="0"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7991168" y="1707311"/>
            <a:ext cx="4200832" cy="1202848"/>
          </a:xfrm>
        </p:spPr>
        <p:txBody>
          <a:bodyPr>
            <a:normAutofit/>
          </a:bodyPr>
          <a:lstStyle>
            <a:lvl1pPr marL="0" indent="0"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2"/>
          </p:nvPr>
        </p:nvSpPr>
        <p:spPr>
          <a:xfrm>
            <a:off x="1" y="1707311"/>
            <a:ext cx="7920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448440" y="5301644"/>
            <a:ext cx="7215219" cy="424728"/>
          </a:xfrm>
          <a:noFill/>
          <a:ln>
            <a:noFill/>
          </a:ln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  <a:spAutoFit/>
          </a:bodyPr>
          <a:lstStyle>
            <a:lvl1pPr marL="342891" indent="-342891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None/>
              <a:defRPr lang="en-GB" sz="2400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US" dirty="0"/>
              <a:t>Click to edit text</a:t>
            </a:r>
            <a:endParaRPr lang="en-GB" dirty="0"/>
          </a:p>
        </p:txBody>
      </p:sp>
      <p:sp>
        <p:nvSpPr>
          <p:cNvPr id="15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448440" y="5733212"/>
            <a:ext cx="7215219" cy="350926"/>
          </a:xfrm>
          <a:noFill/>
          <a:ln>
            <a:noFill/>
          </a:ln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  <a:spAutoFit/>
          </a:bodyPr>
          <a:lstStyle>
            <a:lvl1pPr marL="285744" indent="-285744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None/>
              <a:defRPr lang="en-GB" sz="1867" b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lvl="0" indent="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>
                <a:schemeClr val="accent1"/>
              </a:buClr>
            </a:pPr>
            <a:r>
              <a:rPr lang="en-US" dirty="0"/>
              <a:t>Click to edit text</a:t>
            </a:r>
            <a:endParaRPr lang="en-GB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pic>
        <p:nvPicPr>
          <p:cNvPr id="10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77275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344">
          <p15:clr>
            <a:srgbClr val="FBAE40"/>
          </p15:clr>
        </p15:guide>
        <p15:guide id="4" pos="5488">
          <p15:clr>
            <a:srgbClr val="FBAE40"/>
          </p15:clr>
        </p15:guide>
        <p15:guide id="5" pos="2880">
          <p15:clr>
            <a:srgbClr val="FBAE40"/>
          </p15:clr>
        </p15:guide>
        <p15:guide id="6" pos="4241">
          <p15:clr>
            <a:srgbClr val="FBAE40"/>
          </p15:clr>
        </p15:guide>
        <p15:guide id="7" orient="horz" pos="2012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n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22" name="Rectangle 14"/>
          <p:cNvSpPr>
            <a:spLocks noGrp="1" noChangeArrowheads="1"/>
          </p:cNvSpPr>
          <p:nvPr>
            <p:ph type="ctrTitle" sz="quarter" hasCustomPrompt="1"/>
          </p:nvPr>
        </p:nvSpPr>
        <p:spPr>
          <a:xfrm>
            <a:off x="551339" y="1484767"/>
            <a:ext cx="11108204" cy="2308324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t" anchorCtr="0"/>
          <a:lstStyle>
            <a:lvl1pPr marL="0" indent="0">
              <a:lnSpc>
                <a:spcPts val="6000"/>
              </a:lnSpc>
              <a:buFont typeface="Arial" panose="020B0604020202020204" pitchFamily="34" charset="0"/>
              <a:buNone/>
              <a:defRPr sz="54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to edit Master title</a:t>
            </a:r>
            <a:br>
              <a:rPr lang="en-US" noProof="0" dirty="0"/>
            </a:br>
            <a:br>
              <a:rPr lang="en-US" noProof="0" dirty="0"/>
            </a:br>
            <a:endParaRPr lang="en-US" noProof="0" dirty="0"/>
          </a:p>
        </p:txBody>
      </p:sp>
      <p:sp>
        <p:nvSpPr>
          <p:cNvPr id="43023" name="Rectangle 15"/>
          <p:cNvSpPr>
            <a:spLocks noGrp="1" noChangeArrowheads="1"/>
          </p:cNvSpPr>
          <p:nvPr>
            <p:ph type="subTitle" sz="quarter" idx="1"/>
          </p:nvPr>
        </p:nvSpPr>
        <p:spPr>
          <a:xfrm>
            <a:off x="586591" y="5117640"/>
            <a:ext cx="11008781" cy="503237"/>
          </a:xfr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baseline="0" noProof="0" dirty="0">
                <a:solidFill>
                  <a:schemeClr val="tx2"/>
                </a:solidFill>
              </a:defRPr>
            </a:lvl1pPr>
          </a:lstStyle>
          <a:p>
            <a:pPr marL="0" lv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86643289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Master 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defRPr/>
            </a:lvl1pPr>
            <a:lvl2pPr>
              <a:buClr>
                <a:schemeClr val="accent1"/>
              </a:buClr>
              <a:defRPr/>
            </a:lvl2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 marL="1168253" indent="-271429">
              <a:buClr>
                <a:schemeClr val="accent1"/>
              </a:buCl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1379901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with Caption - Sc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198056" y="1490395"/>
            <a:ext cx="6172200" cy="4686300"/>
          </a:xfrm>
        </p:spPr>
        <p:txBody>
          <a:bodyPr vert="horz" lIns="91440" tIns="45720" rIns="91440" bIns="45720" rtlCol="0">
            <a:normAutofit/>
          </a:bodyPr>
          <a:lstStyle>
            <a:lvl1pPr>
              <a:defRPr lang="en-US" sz="2667" dirty="0" smtClean="0"/>
            </a:lvl1pPr>
            <a:lvl2pPr>
              <a:defRPr lang="en-US" sz="2400" dirty="0" smtClean="0"/>
            </a:lvl2pPr>
            <a:lvl3pPr>
              <a:defRPr lang="en-US" sz="2400" dirty="0" smtClean="0"/>
            </a:lvl3pPr>
            <a:lvl4pPr>
              <a:defRPr lang="en-US" sz="1867" dirty="0" smtClean="0"/>
            </a:lvl4pPr>
            <a:lvl5pPr>
              <a:defRPr lang="en-US" sz="1467" dirty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612706" y="1487390"/>
            <a:ext cx="4463265" cy="4694585"/>
          </a:xfrm>
        </p:spPr>
        <p:txBody>
          <a:bodyPr>
            <a:normAutofit/>
          </a:bodyPr>
          <a:lstStyle>
            <a:lvl1pPr marL="0" indent="0">
              <a:buNone/>
              <a:defRPr sz="2667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72957452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7" descr="National_Grid_logo_blue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19839" y="2900704"/>
            <a:ext cx="4952323" cy="1021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673930599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738664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31801" y="377804"/>
            <a:ext cx="2376185" cy="271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9955390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1318651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4111149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5D47BFF-EB9B-48D5-85DC-0693B2A463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609602" y="838201"/>
            <a:ext cx="11010900" cy="287259"/>
          </a:xfrm>
        </p:spPr>
        <p:txBody>
          <a:bodyPr/>
          <a:lstStyle>
            <a:lvl1pPr>
              <a:defRPr sz="1867" b="0"/>
            </a:lvl1pPr>
            <a:lvl5pPr marL="719982" indent="0">
              <a:buNone/>
              <a:defRPr/>
            </a:lvl5pPr>
          </a:lstStyle>
          <a:p>
            <a:pPr lvl="0"/>
            <a:r>
              <a:rPr lang="en-US"/>
              <a:t>Click to edit Sub title text style</a:t>
            </a:r>
          </a:p>
        </p:txBody>
      </p:sp>
    </p:spTree>
    <p:extLst>
      <p:ext uri="{BB962C8B-B14F-4D97-AF65-F5344CB8AC3E}">
        <p14:creationId xmlns:p14="http://schemas.microsoft.com/office/powerpoint/2010/main" val="2237019980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Title and Content - Sc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91173" y="2971487"/>
            <a:ext cx="2064000" cy="2064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9" name="Picture Placeholder 12"/>
          <p:cNvSpPr>
            <a:spLocks noGrp="1"/>
          </p:cNvSpPr>
          <p:nvPr>
            <p:ph type="pic" sz="quarter" idx="15"/>
          </p:nvPr>
        </p:nvSpPr>
        <p:spPr>
          <a:xfrm>
            <a:off x="10132304" y="2971503"/>
            <a:ext cx="2064000" cy="2064000"/>
          </a:xfrm>
        </p:spPr>
        <p:txBody>
          <a:bodyPr>
            <a:normAutofit/>
          </a:bodyPr>
          <a:lstStyle>
            <a:lvl1pPr marL="0" indent="0"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7991168" y="1707311"/>
            <a:ext cx="4200832" cy="1202848"/>
          </a:xfrm>
        </p:spPr>
        <p:txBody>
          <a:bodyPr>
            <a:normAutofit/>
          </a:bodyPr>
          <a:lstStyle>
            <a:lvl1pPr marL="0" indent="0"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2"/>
          </p:nvPr>
        </p:nvSpPr>
        <p:spPr>
          <a:xfrm>
            <a:off x="1" y="1707311"/>
            <a:ext cx="7920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448440" y="5301644"/>
            <a:ext cx="7215219" cy="424728"/>
          </a:xfrm>
          <a:noFill/>
          <a:ln>
            <a:noFill/>
          </a:ln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  <a:spAutoFit/>
          </a:bodyPr>
          <a:lstStyle>
            <a:lvl1pPr marL="342891" indent="-342891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None/>
              <a:defRPr lang="en-GB" sz="2400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US" dirty="0"/>
              <a:t>Click to edit text</a:t>
            </a:r>
            <a:endParaRPr lang="en-GB" dirty="0"/>
          </a:p>
        </p:txBody>
      </p:sp>
      <p:sp>
        <p:nvSpPr>
          <p:cNvPr id="15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448440" y="5733212"/>
            <a:ext cx="7215219" cy="350926"/>
          </a:xfrm>
          <a:noFill/>
          <a:ln>
            <a:noFill/>
          </a:ln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  <a:spAutoFit/>
          </a:bodyPr>
          <a:lstStyle>
            <a:lvl1pPr marL="285744" indent="-285744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None/>
              <a:defRPr lang="en-GB" sz="1867" b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lvl="0" indent="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>
                <a:schemeClr val="accent1"/>
              </a:buClr>
            </a:pPr>
            <a:r>
              <a:rPr lang="en-US" dirty="0"/>
              <a:t>Click to edit text</a:t>
            </a:r>
            <a:endParaRPr lang="en-GB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pic>
        <p:nvPicPr>
          <p:cNvPr id="10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56398515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344">
          <p15:clr>
            <a:srgbClr val="FBAE40"/>
          </p15:clr>
        </p15:guide>
        <p15:guide id="4" pos="5488">
          <p15:clr>
            <a:srgbClr val="FBAE40"/>
          </p15:clr>
        </p15:guide>
        <p15:guide id="5" pos="2880">
          <p15:clr>
            <a:srgbClr val="FBAE40"/>
          </p15:clr>
        </p15:guide>
        <p15:guide id="6" pos="4241">
          <p15:clr>
            <a:srgbClr val="FBAE40"/>
          </p15:clr>
        </p15:guide>
        <p15:guide id="7" orient="horz" pos="2012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Master 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7971945" y="1710159"/>
            <a:ext cx="3648000" cy="4112639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5" tIns="45719" rIns="91435" bIns="45719" numCol="1" rtlCol="0" anchor="t" anchorCtr="0" compatLnSpc="1">
            <a:prstTxWarp prst="textNoShape">
              <a:avLst/>
            </a:prstTxWarp>
          </a:bodyPr>
          <a:lstStyle/>
          <a:p>
            <a:pPr defTabSz="914309" fontAlgn="auto">
              <a:spcBef>
                <a:spcPts val="0"/>
              </a:spcBef>
              <a:spcAft>
                <a:spcPts val="0"/>
              </a:spcAft>
            </a:pPr>
            <a:endParaRPr lang="en-US" sz="4267" b="0">
              <a:solidFill>
                <a:srgbClr val="444444"/>
              </a:solidFill>
              <a:latin typeface="Arial"/>
              <a:ea typeface="+mn-ea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4279415" y="1704865"/>
            <a:ext cx="3648000" cy="4117931"/>
          </a:xfrm>
          <a:prstGeom prst="rect">
            <a:avLst/>
          </a:prstGeom>
          <a:solidFill>
            <a:srgbClr val="00467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12" tIns="60957" rIns="121912" bIns="60957" numCol="1" rtlCol="0" anchor="t" anchorCtr="0" compatLnSpc="1">
            <a:prstTxWarp prst="textNoShape">
              <a:avLst/>
            </a:prstTxWarp>
          </a:bodyPr>
          <a:lstStyle/>
          <a:p>
            <a:pPr lvl="0" defTabSz="1219079"/>
            <a:endParaRPr lang="en-US" sz="3733">
              <a:solidFill>
                <a:srgbClr val="444444"/>
              </a:solidFill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586885" y="1710159"/>
            <a:ext cx="3648000" cy="4112639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5" tIns="45719" rIns="91435" bIns="45719" numCol="1" rtlCol="0" anchor="t" anchorCtr="0" compatLnSpc="1">
            <a:prstTxWarp prst="textNoShape">
              <a:avLst/>
            </a:prstTxWarp>
          </a:bodyPr>
          <a:lstStyle/>
          <a:p>
            <a:pPr defTabSz="914309" fontAlgn="auto">
              <a:spcBef>
                <a:spcPts val="0"/>
              </a:spcBef>
              <a:spcAft>
                <a:spcPts val="0"/>
              </a:spcAft>
            </a:pPr>
            <a:endParaRPr lang="en-US" sz="4267" b="0">
              <a:solidFill>
                <a:srgbClr val="444444"/>
              </a:solidFill>
              <a:latin typeface="Arial"/>
              <a:ea typeface="+mn-ea"/>
            </a:endParaRPr>
          </a:p>
        </p:txBody>
      </p:sp>
      <p:cxnSp>
        <p:nvCxnSpPr>
          <p:cNvPr id="9" name="Straight Connector 8"/>
          <p:cNvCxnSpPr/>
          <p:nvPr/>
        </p:nvCxnSpPr>
        <p:spPr bwMode="auto">
          <a:xfrm>
            <a:off x="712495" y="4775765"/>
            <a:ext cx="3396788" cy="0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" name="Straight Connector 9"/>
          <p:cNvCxnSpPr/>
          <p:nvPr/>
        </p:nvCxnSpPr>
        <p:spPr bwMode="auto">
          <a:xfrm flipV="1">
            <a:off x="8131213" y="4775770"/>
            <a:ext cx="3329468" cy="5553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1" name="Straight Connector 10"/>
          <p:cNvCxnSpPr/>
          <p:nvPr/>
        </p:nvCxnSpPr>
        <p:spPr bwMode="auto">
          <a:xfrm>
            <a:off x="4397611" y="4775765"/>
            <a:ext cx="3396788" cy="0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16"/>
          <p:cNvSpPr>
            <a:spLocks noGrp="1"/>
          </p:cNvSpPr>
          <p:nvPr>
            <p:ph type="body" sz="quarter" idx="15"/>
          </p:nvPr>
        </p:nvSpPr>
        <p:spPr>
          <a:xfrm>
            <a:off x="672490" y="4818770"/>
            <a:ext cx="3461209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Text Placeholder 16"/>
          <p:cNvSpPr>
            <a:spLocks noGrp="1"/>
          </p:cNvSpPr>
          <p:nvPr>
            <p:ph type="body" sz="quarter" idx="16"/>
          </p:nvPr>
        </p:nvSpPr>
        <p:spPr>
          <a:xfrm>
            <a:off x="4368781" y="4818770"/>
            <a:ext cx="3439203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ext Placeholder 16"/>
          <p:cNvSpPr>
            <a:spLocks noGrp="1"/>
          </p:cNvSpPr>
          <p:nvPr>
            <p:ph type="body" sz="quarter" idx="17"/>
          </p:nvPr>
        </p:nvSpPr>
        <p:spPr>
          <a:xfrm>
            <a:off x="8074009" y="4818770"/>
            <a:ext cx="3431001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20"/>
          <p:cNvSpPr>
            <a:spLocks noGrp="1"/>
          </p:cNvSpPr>
          <p:nvPr>
            <p:ph type="body" sz="quarter" idx="18"/>
          </p:nvPr>
        </p:nvSpPr>
        <p:spPr>
          <a:xfrm>
            <a:off x="672484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2" name="Text Placeholder 20"/>
          <p:cNvSpPr>
            <a:spLocks noGrp="1"/>
          </p:cNvSpPr>
          <p:nvPr>
            <p:ph type="body" sz="quarter" idx="19"/>
          </p:nvPr>
        </p:nvSpPr>
        <p:spPr>
          <a:xfrm>
            <a:off x="4362207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3" name="Text Placeholder 20"/>
          <p:cNvSpPr>
            <a:spLocks noGrp="1"/>
          </p:cNvSpPr>
          <p:nvPr>
            <p:ph type="body" sz="quarter" idx="20"/>
          </p:nvPr>
        </p:nvSpPr>
        <p:spPr>
          <a:xfrm>
            <a:off x="8059232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336241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Divider_slide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/>
        </p:nvSpPr>
        <p:spPr bwMode="auto">
          <a:xfrm>
            <a:off x="7952309" y="1706073"/>
            <a:ext cx="4239691" cy="1872000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7890933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4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7960604" y="1706072"/>
            <a:ext cx="4231397" cy="1496336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133" b="0" i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5" name="Rectangle 14"/>
          <p:cNvSpPr/>
          <p:nvPr/>
        </p:nvSpPr>
        <p:spPr bwMode="auto">
          <a:xfrm>
            <a:off x="9424873" y="3640495"/>
            <a:ext cx="2784000" cy="1393200"/>
          </a:xfrm>
          <a:prstGeom prst="rect">
            <a:avLst/>
          </a:prstGeom>
          <a:solidFill>
            <a:srgbClr val="0095D7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60605" y="3640495"/>
            <a:ext cx="1392000" cy="139231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7960604" y="3202409"/>
            <a:ext cx="4231397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067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11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9866961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Master 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 bwMode="auto">
          <a:xfrm>
            <a:off x="7971945" y="1710159"/>
            <a:ext cx="3648000" cy="4112639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5" tIns="45719" rIns="91435" bIns="45719" numCol="1" rtlCol="0" anchor="t" anchorCtr="0" compatLnSpc="1">
            <a:prstTxWarp prst="textNoShape">
              <a:avLst/>
            </a:prstTxWarp>
          </a:bodyPr>
          <a:lstStyle/>
          <a:p>
            <a:pPr defTabSz="914309" fontAlgn="auto">
              <a:spcBef>
                <a:spcPts val="0"/>
              </a:spcBef>
              <a:spcAft>
                <a:spcPts val="0"/>
              </a:spcAft>
            </a:pPr>
            <a:endParaRPr lang="en-US" sz="4267" b="0">
              <a:solidFill>
                <a:srgbClr val="444444"/>
              </a:solidFill>
              <a:latin typeface="Arial"/>
              <a:ea typeface="+mn-ea"/>
            </a:endParaRPr>
          </a:p>
        </p:txBody>
      </p:sp>
      <p:sp>
        <p:nvSpPr>
          <p:cNvPr id="6" name="Rectangle 5"/>
          <p:cNvSpPr/>
          <p:nvPr userDrawn="1"/>
        </p:nvSpPr>
        <p:spPr bwMode="auto">
          <a:xfrm>
            <a:off x="4279415" y="1704865"/>
            <a:ext cx="3648000" cy="4117931"/>
          </a:xfrm>
          <a:prstGeom prst="rect">
            <a:avLst/>
          </a:prstGeom>
          <a:solidFill>
            <a:srgbClr val="00467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12" tIns="60957" rIns="121912" bIns="60957" numCol="1" rtlCol="0" anchor="t" anchorCtr="0" compatLnSpc="1">
            <a:prstTxWarp prst="textNoShape">
              <a:avLst/>
            </a:prstTxWarp>
          </a:bodyPr>
          <a:lstStyle/>
          <a:p>
            <a:pPr lvl="0" defTabSz="1219079"/>
            <a:endParaRPr lang="en-US" sz="3733">
              <a:solidFill>
                <a:srgbClr val="444444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 bwMode="auto">
          <a:xfrm>
            <a:off x="586885" y="1710159"/>
            <a:ext cx="3648000" cy="4112639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5" tIns="45719" rIns="91435" bIns="45719" numCol="1" rtlCol="0" anchor="t" anchorCtr="0" compatLnSpc="1">
            <a:prstTxWarp prst="textNoShape">
              <a:avLst/>
            </a:prstTxWarp>
          </a:bodyPr>
          <a:lstStyle/>
          <a:p>
            <a:pPr defTabSz="914309" fontAlgn="auto">
              <a:spcBef>
                <a:spcPts val="0"/>
              </a:spcBef>
              <a:spcAft>
                <a:spcPts val="0"/>
              </a:spcAft>
            </a:pPr>
            <a:endParaRPr lang="en-US" sz="4267" b="0">
              <a:solidFill>
                <a:srgbClr val="444444"/>
              </a:solidFill>
              <a:latin typeface="Arial"/>
              <a:ea typeface="+mn-ea"/>
            </a:endParaRPr>
          </a:p>
        </p:txBody>
      </p:sp>
      <p:cxnSp>
        <p:nvCxnSpPr>
          <p:cNvPr id="9" name="Straight Connector 8"/>
          <p:cNvCxnSpPr/>
          <p:nvPr userDrawn="1"/>
        </p:nvCxnSpPr>
        <p:spPr bwMode="auto">
          <a:xfrm>
            <a:off x="712495" y="4775765"/>
            <a:ext cx="3396788" cy="0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" name="Straight Connector 9"/>
          <p:cNvCxnSpPr/>
          <p:nvPr userDrawn="1"/>
        </p:nvCxnSpPr>
        <p:spPr bwMode="auto">
          <a:xfrm flipV="1">
            <a:off x="8131213" y="4775770"/>
            <a:ext cx="3329468" cy="5553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1" name="Straight Connector 10"/>
          <p:cNvCxnSpPr/>
          <p:nvPr userDrawn="1"/>
        </p:nvCxnSpPr>
        <p:spPr bwMode="auto">
          <a:xfrm>
            <a:off x="4397611" y="4775765"/>
            <a:ext cx="3396788" cy="0"/>
          </a:xfrm>
          <a:prstGeom prst="line">
            <a:avLst/>
          </a:prstGeom>
          <a:solidFill>
            <a:schemeClr val="accent1"/>
          </a:solidFill>
          <a:ln w="222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16"/>
          <p:cNvSpPr>
            <a:spLocks noGrp="1"/>
          </p:cNvSpPr>
          <p:nvPr>
            <p:ph type="body" sz="quarter" idx="15"/>
          </p:nvPr>
        </p:nvSpPr>
        <p:spPr>
          <a:xfrm>
            <a:off x="672490" y="4818770"/>
            <a:ext cx="3461209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Text Placeholder 16"/>
          <p:cNvSpPr>
            <a:spLocks noGrp="1"/>
          </p:cNvSpPr>
          <p:nvPr>
            <p:ph type="body" sz="quarter" idx="16"/>
          </p:nvPr>
        </p:nvSpPr>
        <p:spPr>
          <a:xfrm>
            <a:off x="4368781" y="4818770"/>
            <a:ext cx="3439203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ext Placeholder 16"/>
          <p:cNvSpPr>
            <a:spLocks noGrp="1"/>
          </p:cNvSpPr>
          <p:nvPr>
            <p:ph type="body" sz="quarter" idx="17"/>
          </p:nvPr>
        </p:nvSpPr>
        <p:spPr>
          <a:xfrm>
            <a:off x="8074009" y="4818770"/>
            <a:ext cx="3431001" cy="931863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None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20"/>
          <p:cNvSpPr>
            <a:spLocks noGrp="1"/>
          </p:cNvSpPr>
          <p:nvPr>
            <p:ph type="body" sz="quarter" idx="18"/>
          </p:nvPr>
        </p:nvSpPr>
        <p:spPr>
          <a:xfrm>
            <a:off x="672484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2" name="Text Placeholder 20"/>
          <p:cNvSpPr>
            <a:spLocks noGrp="1"/>
          </p:cNvSpPr>
          <p:nvPr>
            <p:ph type="body" sz="quarter" idx="19"/>
          </p:nvPr>
        </p:nvSpPr>
        <p:spPr>
          <a:xfrm>
            <a:off x="4362207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3" name="Text Placeholder 20"/>
          <p:cNvSpPr>
            <a:spLocks noGrp="1"/>
          </p:cNvSpPr>
          <p:nvPr>
            <p:ph type="body" sz="quarter" idx="20"/>
          </p:nvPr>
        </p:nvSpPr>
        <p:spPr>
          <a:xfrm>
            <a:off x="8059232" y="1756067"/>
            <a:ext cx="3445776" cy="2997920"/>
          </a:xfrm>
        </p:spPr>
        <p:txBody>
          <a:bodyPr/>
          <a:lstStyle>
            <a:lvl1pPr marL="0" indent="0">
              <a:spcAft>
                <a:spcPts val="600"/>
              </a:spcAft>
              <a:buFont typeface="Arial" panose="020B0604020202020204" pitchFamily="34" charset="0"/>
              <a:buNone/>
              <a:defRPr sz="2667" b="1">
                <a:solidFill>
                  <a:schemeClr val="bg1"/>
                </a:solidFill>
              </a:defRPr>
            </a:lvl1pPr>
            <a:lvl2pPr marL="0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2pPr>
            <a:lvl3pPr marL="173034" indent="0">
              <a:spcAft>
                <a:spcPts val="600"/>
              </a:spcAft>
              <a:buFont typeface="Arial" panose="020B0604020202020204" pitchFamily="34" charset="0"/>
              <a:buNone/>
              <a:defRPr sz="2400">
                <a:solidFill>
                  <a:schemeClr val="bg1"/>
                </a:solidFill>
              </a:defRPr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4812342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Divider_Georgia quot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/>
        </p:nvSpPr>
        <p:spPr bwMode="auto">
          <a:xfrm>
            <a:off x="7952309" y="1706073"/>
            <a:ext cx="4239691" cy="1872000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7890933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4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7960604" y="1706072"/>
            <a:ext cx="4231397" cy="1496336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867" b="0" i="1">
                <a:solidFill>
                  <a:schemeClr val="bg1"/>
                </a:solidFill>
                <a:latin typeface="Georgia" panose="02040502050405020303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5" name="Rectangle 14"/>
          <p:cNvSpPr/>
          <p:nvPr/>
        </p:nvSpPr>
        <p:spPr bwMode="auto">
          <a:xfrm>
            <a:off x="9424873" y="3640495"/>
            <a:ext cx="2784000" cy="1393200"/>
          </a:xfrm>
          <a:prstGeom prst="rect">
            <a:avLst/>
          </a:prstGeom>
          <a:solidFill>
            <a:srgbClr val="0095D7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60605" y="3640495"/>
            <a:ext cx="1392000" cy="139231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7960604" y="3202409"/>
            <a:ext cx="4231397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067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11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255772943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Divider_slide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auto">
          <a:xfrm>
            <a:off x="10462756" y="3484183"/>
            <a:ext cx="1729249" cy="1566183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ot="0" spcFirstLastPara="0" vertOverflow="overflow" horzOverflow="overflow" vert="horz" wrap="square" lIns="68580" tIns="34291" rIns="68580" bIns="34291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78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800" b="0" i="0" u="none" strike="noStrike" cap="none" normalizeH="0" baseline="0" dirty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-1" y="1707311"/>
            <a:ext cx="10404764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3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10462756" y="1707309"/>
            <a:ext cx="1728000" cy="172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pic>
        <p:nvPicPr>
          <p:cNvPr id="15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013792125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Divider_slide_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9417797" y="3280103"/>
            <a:ext cx="1776000" cy="177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1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62998" y="1706072"/>
            <a:ext cx="3420431" cy="1548000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000" b="0" i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62998" y="3325072"/>
            <a:ext cx="3420431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9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287154585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Divider_georgia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9417797" y="3280103"/>
            <a:ext cx="1776000" cy="177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1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62998" y="1706072"/>
            <a:ext cx="3420431" cy="1548000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000" b="0" i="1">
                <a:solidFill>
                  <a:schemeClr val="bg1"/>
                </a:solidFill>
                <a:latin typeface="Georgia" panose="02040502050405020303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62998" y="3325072"/>
            <a:ext cx="3420431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9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71591304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Divider_slide_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10081485" y="1707309"/>
            <a:ext cx="2110521" cy="2112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pic>
        <p:nvPicPr>
          <p:cNvPr id="8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889713007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Divider slide with images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6839377" y="1710343"/>
            <a:ext cx="2616000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43023" name="Rectangle 15"/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586589" y="5117640"/>
            <a:ext cx="10995811" cy="503237"/>
          </a:xfr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baseline="0" noProof="0" dirty="0">
                <a:solidFill>
                  <a:schemeClr val="tx2"/>
                </a:solidFill>
              </a:defRPr>
            </a:lvl1pPr>
          </a:lstStyle>
          <a:p>
            <a:pPr marL="0" lvl="0" indent="0">
              <a:lnSpc>
                <a:spcPct val="100000"/>
              </a:lnSpc>
            </a:pPr>
            <a:r>
              <a:rPr lang="en-US" noProof="0" dirty="0"/>
              <a:t>Click to edit subtitl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1" y="1710343"/>
            <a:ext cx="4411352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0" name="Picture Placeholder 5"/>
          <p:cNvSpPr>
            <a:spLocks noGrp="1"/>
          </p:cNvSpPr>
          <p:nvPr>
            <p:ph type="pic" sz="quarter" idx="13"/>
          </p:nvPr>
        </p:nvSpPr>
        <p:spPr>
          <a:xfrm>
            <a:off x="4546516" y="3459537"/>
            <a:ext cx="2160000" cy="1579195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4546509" y="1710343"/>
            <a:ext cx="2160000" cy="165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9579084" y="1710343"/>
            <a:ext cx="2616000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Picture 27" descr="National_Grid_logo_blue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149402251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slide n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22" name="Rectangle 14"/>
          <p:cNvSpPr>
            <a:spLocks noGrp="1" noChangeArrowheads="1"/>
          </p:cNvSpPr>
          <p:nvPr>
            <p:ph type="ctrTitle" sz="quarter" hasCustomPrompt="1"/>
          </p:nvPr>
        </p:nvSpPr>
        <p:spPr>
          <a:xfrm>
            <a:off x="551339" y="1484767"/>
            <a:ext cx="11108204" cy="2308324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t" anchorCtr="0"/>
          <a:lstStyle>
            <a:lvl1pPr marL="0" indent="0">
              <a:lnSpc>
                <a:spcPts val="6000"/>
              </a:lnSpc>
              <a:buFont typeface="Arial" panose="020B0604020202020204" pitchFamily="34" charset="0"/>
              <a:buNone/>
              <a:defRPr sz="54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Click to edit Master title</a:t>
            </a:r>
            <a:br>
              <a:rPr lang="en-US" noProof="0" dirty="0"/>
            </a:br>
            <a:br>
              <a:rPr lang="en-US" noProof="0" dirty="0"/>
            </a:br>
            <a:endParaRPr lang="en-US" noProof="0" dirty="0"/>
          </a:p>
        </p:txBody>
      </p:sp>
      <p:sp>
        <p:nvSpPr>
          <p:cNvPr id="43023" name="Rectangle 15"/>
          <p:cNvSpPr>
            <a:spLocks noGrp="1" noChangeArrowheads="1"/>
          </p:cNvSpPr>
          <p:nvPr>
            <p:ph type="subTitle" sz="quarter" idx="1"/>
          </p:nvPr>
        </p:nvSpPr>
        <p:spPr>
          <a:xfrm>
            <a:off x="586591" y="5117640"/>
            <a:ext cx="11008781" cy="503237"/>
          </a:xfr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baseline="0" noProof="0" dirty="0">
                <a:solidFill>
                  <a:schemeClr val="tx2"/>
                </a:solidFill>
              </a:defRPr>
            </a:lvl1pPr>
          </a:lstStyle>
          <a:p>
            <a:pPr marL="0" lv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50651016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Master 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defRPr/>
            </a:lvl1pPr>
            <a:lvl2pPr>
              <a:buClr>
                <a:schemeClr val="accent1"/>
              </a:buClr>
              <a:defRPr/>
            </a:lvl2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 marL="1168253" indent="-271429">
              <a:buClr>
                <a:schemeClr val="accent1"/>
              </a:buCl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8939903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ontent with Caption - Sc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198056" y="1490395"/>
            <a:ext cx="6172200" cy="4686300"/>
          </a:xfrm>
        </p:spPr>
        <p:txBody>
          <a:bodyPr vert="horz" lIns="91440" tIns="45720" rIns="91440" bIns="45720" rtlCol="0">
            <a:normAutofit/>
          </a:bodyPr>
          <a:lstStyle>
            <a:lvl1pPr>
              <a:defRPr lang="en-US" sz="2667" dirty="0" smtClean="0"/>
            </a:lvl1pPr>
            <a:lvl2pPr>
              <a:defRPr lang="en-US" sz="2400" dirty="0" smtClean="0"/>
            </a:lvl2pPr>
            <a:lvl3pPr>
              <a:defRPr lang="en-US" sz="2400" dirty="0" smtClean="0"/>
            </a:lvl3pPr>
            <a:lvl4pPr>
              <a:defRPr lang="en-US" sz="1867" dirty="0" smtClean="0"/>
            </a:lvl4pPr>
            <a:lvl5pPr>
              <a:defRPr lang="en-US" sz="1467" dirty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612706" y="1487390"/>
            <a:ext cx="4463265" cy="4694585"/>
          </a:xfrm>
        </p:spPr>
        <p:txBody>
          <a:bodyPr>
            <a:normAutofit/>
          </a:bodyPr>
          <a:lstStyle>
            <a:lvl1pPr marL="0" indent="0">
              <a:buNone/>
              <a:defRPr sz="2667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4887516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7" descr="National_Grid_logo_blue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19839" y="2900704"/>
            <a:ext cx="4952323" cy="10217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87209037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_slide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 userDrawn="1"/>
        </p:nvSpPr>
        <p:spPr bwMode="auto">
          <a:xfrm>
            <a:off x="7952309" y="1706073"/>
            <a:ext cx="4239691" cy="1872000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7890933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4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7960604" y="1706072"/>
            <a:ext cx="4231397" cy="1496336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133" b="0" i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5" name="Rectangle 14"/>
          <p:cNvSpPr/>
          <p:nvPr userDrawn="1"/>
        </p:nvSpPr>
        <p:spPr bwMode="auto">
          <a:xfrm>
            <a:off x="9424873" y="3640495"/>
            <a:ext cx="2784000" cy="1393200"/>
          </a:xfrm>
          <a:prstGeom prst="rect">
            <a:avLst/>
          </a:prstGeom>
          <a:solidFill>
            <a:srgbClr val="0095D7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60605" y="3640495"/>
            <a:ext cx="1392000" cy="139231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7960604" y="3202409"/>
            <a:ext cx="4231397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067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11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208488604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6259092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5" y="1416051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1" y="1416667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7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4" y="2853769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9889923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4" y="1424517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705130880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7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1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48802114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1021" y="6053372"/>
            <a:ext cx="2768464" cy="482477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5206692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1021" y="6155682"/>
            <a:ext cx="2763048" cy="327855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92558903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sp>
        <p:nvSpPr>
          <p:cNvPr id="15" name="Picture Placeholder 12"/>
          <p:cNvSpPr>
            <a:spLocks noGrp="1" noChangeAspect="1"/>
          </p:cNvSpPr>
          <p:nvPr>
            <p:ph type="pic" sz="quarter" idx="15" hasCustomPrompt="1"/>
          </p:nvPr>
        </p:nvSpPr>
        <p:spPr bwMode="gray">
          <a:xfrm rot="16200000">
            <a:off x="-137512" y="475143"/>
            <a:ext cx="537365" cy="26868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615219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0526849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28" name="Graphic 27">
            <a:extLst>
              <a:ext uri="{FF2B5EF4-FFF2-40B4-BE49-F238E27FC236}">
                <a16:creationId xmlns:a16="http://schemas.microsoft.com/office/drawing/2014/main" id="{A4769A89-F694-4BC2-B8EA-1E2093D69AAE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4"/>
            <a:ext cx="1537609" cy="6853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5600181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CA499534-3473-4E22-AB07-600AA3C32E6E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3329" y="6024761"/>
            <a:ext cx="2688937" cy="468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9232008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_Georgia quot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 userDrawn="1"/>
        </p:nvSpPr>
        <p:spPr bwMode="auto">
          <a:xfrm>
            <a:off x="7952309" y="1706073"/>
            <a:ext cx="4239691" cy="1872000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7890933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4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7960604" y="1706072"/>
            <a:ext cx="4231397" cy="1496336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867" b="0" i="1">
                <a:solidFill>
                  <a:schemeClr val="bg1"/>
                </a:solidFill>
                <a:latin typeface="Georgia" panose="02040502050405020303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5" name="Rectangle 14"/>
          <p:cNvSpPr/>
          <p:nvPr userDrawn="1"/>
        </p:nvSpPr>
        <p:spPr bwMode="auto">
          <a:xfrm>
            <a:off x="9424873" y="3640495"/>
            <a:ext cx="2784000" cy="1393200"/>
          </a:xfrm>
          <a:prstGeom prst="rect">
            <a:avLst/>
          </a:prstGeom>
          <a:solidFill>
            <a:srgbClr val="0095D7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3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800" b="1" i="0" u="none" strike="noStrike" cap="none" normalizeH="0" baseline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7960605" y="3640495"/>
            <a:ext cx="1392000" cy="139231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7960604" y="3202409"/>
            <a:ext cx="4231397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1067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11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476280764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503128" y="6128283"/>
            <a:ext cx="1808992" cy="488191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30" name="Graphic 29">
            <a:extLst>
              <a:ext uri="{FF2B5EF4-FFF2-40B4-BE49-F238E27FC236}">
                <a16:creationId xmlns:a16="http://schemas.microsoft.com/office/drawing/2014/main" id="{1A4C1D0B-5407-4DAA-8724-B6778E12A96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2430652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1474511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1286662857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3329" y="6024761"/>
            <a:ext cx="2688937" cy="468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0961453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91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/>
              <a:t>Click to add sub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9"/>
            <a:ext cx="11252200" cy="3341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1500"/>
            </a:lvl1pPr>
          </a:lstStyle>
          <a:p>
            <a:r>
              <a:rPr lang="en-US" noProof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15110325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5D47BFF-EB9B-48D5-85DC-0693B2A463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48C6DC-682E-4721-829A-31576897B29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3188909032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C2E28761-BEE7-4F9E-BFE0-5828B791530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576000" y="1411201"/>
            <a:ext cx="72472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DDB6B39-A484-404E-855D-FAC0DFB9AE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5735" y="361387"/>
            <a:ext cx="7247200" cy="369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C9BED01-51EC-4BE5-A506-18A9A29A6E5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4B11AB0-23E7-4D32-AAA3-A400DB4600E4}"/>
              </a:ext>
            </a:extLst>
          </p:cNvPr>
          <p:cNvGrpSpPr/>
          <p:nvPr userDrawn="1"/>
        </p:nvGrpSpPr>
        <p:grpSpPr>
          <a:xfrm>
            <a:off x="12275233" y="0"/>
            <a:ext cx="2706315" cy="1919363"/>
            <a:chOff x="3528102" y="847657"/>
            <a:chExt cx="2029736" cy="191936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D2026BFD-DC2F-465F-BE68-7BD706A827A2}"/>
                </a:ext>
              </a:extLst>
            </p:cNvPr>
            <p:cNvSpPr/>
            <p:nvPr/>
          </p:nvSpPr>
          <p:spPr>
            <a:xfrm>
              <a:off x="3528102" y="847657"/>
              <a:ext cx="2029736" cy="191936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712C821B-5780-4371-867F-FAF5C24D0328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E295DECA-DF07-43CC-9B27-982E889A75E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4AF83C38-7BF3-434D-ABBC-D73720F1ACEA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056013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171355" y="1411201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 dirty="0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30296C7D-4998-43C3-A68E-A9F4AFC7DBB9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79084" y="1411201"/>
            <a:ext cx="34560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FD11B3BD-BF31-4BBD-BF46-6431C9CDC5E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576000" y="1411201"/>
            <a:ext cx="34560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A28C172-F8CF-46F7-804C-835BAF38DD6B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BB4CB7E3-3CBF-4FC0-B591-EFD19DEE9303}"/>
              </a:ext>
            </a:extLst>
          </p:cNvPr>
          <p:cNvGrpSpPr/>
          <p:nvPr userDrawn="1"/>
        </p:nvGrpSpPr>
        <p:grpSpPr>
          <a:xfrm>
            <a:off x="12275233" y="0"/>
            <a:ext cx="2706315" cy="1919363"/>
            <a:chOff x="3528102" y="847657"/>
            <a:chExt cx="2029736" cy="1919363"/>
          </a:xfrm>
        </p:grpSpPr>
        <p:sp>
          <p:nvSpPr>
            <p:cNvPr id="21" name="Guidance note">
              <a:extLst>
                <a:ext uri="{FF2B5EF4-FFF2-40B4-BE49-F238E27FC236}">
                  <a16:creationId xmlns:a16="http://schemas.microsoft.com/office/drawing/2014/main" id="{35EF926C-1DDE-46E4-BD27-7719DB8BB06E}"/>
                </a:ext>
              </a:extLst>
            </p:cNvPr>
            <p:cNvSpPr/>
            <p:nvPr/>
          </p:nvSpPr>
          <p:spPr>
            <a:xfrm>
              <a:off x="3528102" y="847657"/>
              <a:ext cx="2029736" cy="191936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69069B99-5D1F-4756-A4F4-167DDC6068DA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23" name="Picture 3">
                <a:extLst>
                  <a:ext uri="{FF2B5EF4-FFF2-40B4-BE49-F238E27FC236}">
                    <a16:creationId xmlns:a16="http://schemas.microsoft.com/office/drawing/2014/main" id="{90E25129-C1EA-45CE-B1F6-5EC7F7DD817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4" name="Rounded Rectangle 20">
                <a:extLst>
                  <a:ext uri="{FF2B5EF4-FFF2-40B4-BE49-F238E27FC236}">
                    <a16:creationId xmlns:a16="http://schemas.microsoft.com/office/drawing/2014/main" id="{EA946D07-5A29-4C97-AC0C-943F2A00EB24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5" name="Round Diagonal Corner Rectangle 4">
            <a:extLst>
              <a:ext uri="{FF2B5EF4-FFF2-40B4-BE49-F238E27FC236}">
                <a16:creationId xmlns:a16="http://schemas.microsoft.com/office/drawing/2014/main" id="{7EE67CE3-FDDB-4176-BB90-0273EDA20B17}"/>
              </a:ext>
            </a:extLst>
          </p:cNvPr>
          <p:cNvSpPr/>
          <p:nvPr userDrawn="1"/>
        </p:nvSpPr>
        <p:spPr>
          <a:xfrm>
            <a:off x="12275234" y="2140326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143895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765F1B84-9A40-42D8-B3EE-41F4BD7CFE09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575734" y="1411289"/>
            <a:ext cx="7247465" cy="1884779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8480D57-B2D8-4496-806A-1824358683A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CBA43E0-9E3A-46EC-91D4-D70A0E6EB4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CA697EB0-B117-49FF-A917-A125A4BD1ADE}"/>
              </a:ext>
            </a:extLst>
          </p:cNvPr>
          <p:cNvGrpSpPr/>
          <p:nvPr userDrawn="1"/>
        </p:nvGrpSpPr>
        <p:grpSpPr>
          <a:xfrm>
            <a:off x="12275233" y="0"/>
            <a:ext cx="2706315" cy="1919363"/>
            <a:chOff x="3528102" y="847657"/>
            <a:chExt cx="2029736" cy="1919363"/>
          </a:xfrm>
        </p:grpSpPr>
        <p:sp>
          <p:nvSpPr>
            <p:cNvPr id="13" name="Guidance note">
              <a:extLst>
                <a:ext uri="{FF2B5EF4-FFF2-40B4-BE49-F238E27FC236}">
                  <a16:creationId xmlns:a16="http://schemas.microsoft.com/office/drawing/2014/main" id="{65D2E8E2-B939-47BE-ABAD-FE4F177614F2}"/>
                </a:ext>
              </a:extLst>
            </p:cNvPr>
            <p:cNvSpPr/>
            <p:nvPr/>
          </p:nvSpPr>
          <p:spPr>
            <a:xfrm>
              <a:off x="3528102" y="847657"/>
              <a:ext cx="2029736" cy="191936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64C7CE35-7986-402F-8390-31B932649199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5" name="Picture 3">
                <a:extLst>
                  <a:ext uri="{FF2B5EF4-FFF2-40B4-BE49-F238E27FC236}">
                    <a16:creationId xmlns:a16="http://schemas.microsoft.com/office/drawing/2014/main" id="{22217A6C-310C-4BB8-A473-2B805918782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6" name="Rounded Rectangle 20">
                <a:extLst>
                  <a:ext uri="{FF2B5EF4-FFF2-40B4-BE49-F238E27FC236}">
                    <a16:creationId xmlns:a16="http://schemas.microsoft.com/office/drawing/2014/main" id="{41C254A7-0433-4311-BD85-C0B8DE54934A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733236026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576000" y="1411200"/>
            <a:ext cx="11040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D600AF-67DA-4103-ADCF-D04CEE1258D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1" name="Guidance note">
            <a:extLst>
              <a:ext uri="{FF2B5EF4-FFF2-40B4-BE49-F238E27FC236}">
                <a16:creationId xmlns:a16="http://schemas.microsoft.com/office/drawing/2014/main" id="{E500F763-0BC0-4580-A71D-6F0F9287C7D7}"/>
              </a:ext>
            </a:extLst>
          </p:cNvPr>
          <p:cNvSpPr/>
          <p:nvPr userDrawn="1"/>
        </p:nvSpPr>
        <p:spPr>
          <a:xfrm>
            <a:off x="12275233" y="48037"/>
            <a:ext cx="2706315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93115130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Divider_slide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 bwMode="auto">
          <a:xfrm>
            <a:off x="10462756" y="3484183"/>
            <a:ext cx="1729249" cy="1566183"/>
          </a:xfrm>
          <a:prstGeom prst="rect">
            <a:avLst/>
          </a:prstGeom>
          <a:solidFill>
            <a:srgbClr val="0061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ot="0" spcFirstLastPara="0" vertOverflow="overflow" horzOverflow="overflow" vert="horz" wrap="square" lIns="68580" tIns="34291" rIns="68580" bIns="34291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783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800" b="0" i="0" u="none" strike="noStrike" cap="none" normalizeH="0" baseline="0" dirty="0">
              <a:ln>
                <a:noFill/>
              </a:ln>
              <a:solidFill>
                <a:srgbClr val="0079C1"/>
              </a:solidFill>
              <a:effectLst/>
              <a:latin typeface="Arial" charset="0"/>
              <a:ea typeface="ＭＳ Ｐゴシック" pitchFamily="48" charset="-128"/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914" y="5165269"/>
            <a:ext cx="11123084" cy="1491623"/>
          </a:xfrm>
          <a:prstGeom prst="rect">
            <a:avLst/>
          </a:prstGeom>
          <a:noFill/>
          <a:ln>
            <a:noFill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</a:defRPr>
            </a:lvl1pPr>
          </a:lstStyle>
          <a:p>
            <a:pPr marL="0" lvl="0" indent="0"/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9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-1" y="1707311"/>
            <a:ext cx="10404764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13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10462756" y="1707309"/>
            <a:ext cx="1728000" cy="172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pic>
        <p:nvPicPr>
          <p:cNvPr id="15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165095537"/>
      </p:ext>
    </p:extLst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86817" y="2571750"/>
            <a:ext cx="5231896" cy="553998"/>
          </a:xfrm>
        </p:spPr>
        <p:txBody>
          <a:bodyPr/>
          <a:lstStyle>
            <a:lvl1pPr>
              <a:spcAft>
                <a:spcPts val="0"/>
              </a:spcAft>
              <a:defRPr sz="18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4CE6A32C-CD06-49C3-AFB5-EFD7B362214F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6875377" y="0"/>
            <a:ext cx="5316625" cy="3327400"/>
          </a:xfrm>
          <a:custGeom>
            <a:avLst/>
            <a:gdLst>
              <a:gd name="connsiteX0" fmla="*/ 0 w 3987469"/>
              <a:gd name="connsiteY0" fmla="*/ 0 h 3327400"/>
              <a:gd name="connsiteX1" fmla="*/ 3987469 w 3987469"/>
              <a:gd name="connsiteY1" fmla="*/ 0 h 3327400"/>
              <a:gd name="connsiteX2" fmla="*/ 3987469 w 3987469"/>
              <a:gd name="connsiteY2" fmla="*/ 2667331 h 3327400"/>
              <a:gd name="connsiteX3" fmla="*/ 3327400 w 3987469"/>
              <a:gd name="connsiteY3" fmla="*/ 3327400 h 3327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987469" h="3327400">
                <a:moveTo>
                  <a:pt x="0" y="0"/>
                </a:moveTo>
                <a:lnTo>
                  <a:pt x="3987469" y="0"/>
                </a:lnTo>
                <a:lnTo>
                  <a:pt x="3987469" y="2667331"/>
                </a:lnTo>
                <a:lnTo>
                  <a:pt x="3327400" y="33274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1" name="Picture Placeholder 40">
            <a:extLst>
              <a:ext uri="{FF2B5EF4-FFF2-40B4-BE49-F238E27FC236}">
                <a16:creationId xmlns:a16="http://schemas.microsoft.com/office/drawing/2014/main" id="{A6BE9F3D-7630-4ED0-8A55-EF85C1A0D8F4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4004872" y="3530262"/>
            <a:ext cx="8187128" cy="3327739"/>
          </a:xfrm>
          <a:custGeom>
            <a:avLst/>
            <a:gdLst>
              <a:gd name="connsiteX0" fmla="*/ 3327739 w 6140346"/>
              <a:gd name="connsiteY0" fmla="*/ 0 h 3327739"/>
              <a:gd name="connsiteX1" fmla="*/ 6140346 w 6140346"/>
              <a:gd name="connsiteY1" fmla="*/ 2812607 h 3327739"/>
              <a:gd name="connsiteX2" fmla="*/ 6140346 w 6140346"/>
              <a:gd name="connsiteY2" fmla="*/ 3327739 h 3327739"/>
              <a:gd name="connsiteX3" fmla="*/ 0 w 6140346"/>
              <a:gd name="connsiteY3" fmla="*/ 3327739 h 3327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40346" h="3327739">
                <a:moveTo>
                  <a:pt x="3327739" y="0"/>
                </a:moveTo>
                <a:lnTo>
                  <a:pt x="6140346" y="2812607"/>
                </a:lnTo>
                <a:lnTo>
                  <a:pt x="6140346" y="3327739"/>
                </a:lnTo>
                <a:lnTo>
                  <a:pt x="0" y="33277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7" name="Picture Placeholder 12">
            <a:extLst>
              <a:ext uri="{FF2B5EF4-FFF2-40B4-BE49-F238E27FC236}">
                <a16:creationId xmlns:a16="http://schemas.microsoft.com/office/drawing/2014/main" id="{249160C1-B1F7-49FF-8654-DF16DE47AF08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8584927" y="2452280"/>
            <a:ext cx="2596800" cy="19476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2A5F86E-6E6F-45E1-A5F2-EB1037420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19" y="1417313"/>
            <a:ext cx="5270000" cy="369332"/>
          </a:xfrm>
        </p:spPr>
        <p:txBody>
          <a:bodyPr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grpSp>
        <p:nvGrpSpPr>
          <p:cNvPr id="35" name="Group 34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36" name="Freeform: Shape 35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8" name="Freeform: Shape 37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9" name="Freeform: Shape 38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2" name="Freeform: Shape 4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3" name="Freeform: Shape 4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4" name="Freeform: Shape 4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6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7" name="Freeform: Shape 46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8" name="Freeform: Shape 47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9" name="Freeform: Shape 4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0" name="Freeform: Shape 4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1" name="Freeform: Shape 5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2" name="Freeform: Shape 5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3" name="Freeform: Shape 5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4" name="Freeform: Shape 5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5" name="Freeform: Shape 5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6" name="Freeform: Shape 5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7" name="Freeform: Shape 5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8" name="Freeform: Shape 5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sp>
        <p:nvSpPr>
          <p:cNvPr id="28" name="Round Diagonal Corner Rectangle 4">
            <a:extLst>
              <a:ext uri="{FF2B5EF4-FFF2-40B4-BE49-F238E27FC236}">
                <a16:creationId xmlns:a16="http://schemas.microsoft.com/office/drawing/2014/main" id="{1586E4B4-C3F2-47FA-A1C5-5090AA07DFEA}"/>
              </a:ext>
            </a:extLst>
          </p:cNvPr>
          <p:cNvSpPr/>
          <p:nvPr userDrawn="1"/>
        </p:nvSpPr>
        <p:spPr>
          <a:xfrm>
            <a:off x="12275234" y="0"/>
            <a:ext cx="2707513" cy="285508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ere are 3 options for covers and 2 for divider pages. Please delete any options you aren’t using.</a:t>
            </a:r>
          </a:p>
        </p:txBody>
      </p:sp>
    </p:spTree>
    <p:extLst>
      <p:ext uri="{BB962C8B-B14F-4D97-AF65-F5344CB8AC3E}">
        <p14:creationId xmlns:p14="http://schemas.microsoft.com/office/powerpoint/2010/main" val="28883126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86817" y="2571750"/>
            <a:ext cx="5231896" cy="553998"/>
          </a:xfrm>
        </p:spPr>
        <p:txBody>
          <a:bodyPr/>
          <a:lstStyle>
            <a:lvl1pPr>
              <a:spcAft>
                <a:spcPts val="0"/>
              </a:spcAft>
              <a:defRPr sz="18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4CE6A32C-CD06-49C3-AFB5-EFD7B362214F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6875377" y="0"/>
            <a:ext cx="5316625" cy="3327400"/>
          </a:xfrm>
          <a:custGeom>
            <a:avLst/>
            <a:gdLst>
              <a:gd name="connsiteX0" fmla="*/ 0 w 3987469"/>
              <a:gd name="connsiteY0" fmla="*/ 0 h 3327400"/>
              <a:gd name="connsiteX1" fmla="*/ 3987469 w 3987469"/>
              <a:gd name="connsiteY1" fmla="*/ 0 h 3327400"/>
              <a:gd name="connsiteX2" fmla="*/ 3987469 w 3987469"/>
              <a:gd name="connsiteY2" fmla="*/ 2667331 h 3327400"/>
              <a:gd name="connsiteX3" fmla="*/ 3327400 w 3987469"/>
              <a:gd name="connsiteY3" fmla="*/ 3327400 h 3327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987469" h="3327400">
                <a:moveTo>
                  <a:pt x="0" y="0"/>
                </a:moveTo>
                <a:lnTo>
                  <a:pt x="3987469" y="0"/>
                </a:lnTo>
                <a:lnTo>
                  <a:pt x="3987469" y="2667331"/>
                </a:lnTo>
                <a:lnTo>
                  <a:pt x="3327400" y="33274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1" name="Picture Placeholder 40">
            <a:extLst>
              <a:ext uri="{FF2B5EF4-FFF2-40B4-BE49-F238E27FC236}">
                <a16:creationId xmlns:a16="http://schemas.microsoft.com/office/drawing/2014/main" id="{A6BE9F3D-7630-4ED0-8A55-EF85C1A0D8F4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4004872" y="3530262"/>
            <a:ext cx="8187128" cy="3327739"/>
          </a:xfrm>
          <a:custGeom>
            <a:avLst/>
            <a:gdLst>
              <a:gd name="connsiteX0" fmla="*/ 3327739 w 6140346"/>
              <a:gd name="connsiteY0" fmla="*/ 0 h 3327739"/>
              <a:gd name="connsiteX1" fmla="*/ 6140346 w 6140346"/>
              <a:gd name="connsiteY1" fmla="*/ 2812607 h 3327739"/>
              <a:gd name="connsiteX2" fmla="*/ 6140346 w 6140346"/>
              <a:gd name="connsiteY2" fmla="*/ 3327739 h 3327739"/>
              <a:gd name="connsiteX3" fmla="*/ 0 w 6140346"/>
              <a:gd name="connsiteY3" fmla="*/ 3327739 h 3327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40346" h="3327739">
                <a:moveTo>
                  <a:pt x="3327739" y="0"/>
                </a:moveTo>
                <a:lnTo>
                  <a:pt x="6140346" y="2812607"/>
                </a:lnTo>
                <a:lnTo>
                  <a:pt x="6140346" y="3327739"/>
                </a:lnTo>
                <a:lnTo>
                  <a:pt x="0" y="33277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7" name="Picture Placeholder 12">
            <a:extLst>
              <a:ext uri="{FF2B5EF4-FFF2-40B4-BE49-F238E27FC236}">
                <a16:creationId xmlns:a16="http://schemas.microsoft.com/office/drawing/2014/main" id="{249160C1-B1F7-49FF-8654-DF16DE47AF08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8584927" y="2452280"/>
            <a:ext cx="2596800" cy="19476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5" name="Title 3">
            <a:extLst>
              <a:ext uri="{FF2B5EF4-FFF2-40B4-BE49-F238E27FC236}">
                <a16:creationId xmlns:a16="http://schemas.microsoft.com/office/drawing/2014/main" id="{1D9830BC-D2EF-4C82-9C84-9290ADDEF6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19" y="1417313"/>
            <a:ext cx="5270000" cy="369332"/>
          </a:xfrm>
        </p:spPr>
        <p:txBody>
          <a:bodyPr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grpSp>
        <p:nvGrpSpPr>
          <p:cNvPr id="38" name="Group 3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39" name="Freeform: Shape 3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2" name="Freeform: Shape 41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3" name="Freeform: Shape 42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4" name="Freeform: Shape 43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5" name="Freeform: Shape 44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6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7" name="Freeform: Shape 46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9" name="Freeform: Shape 48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0" name="Freeform: Shape 49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1" name="Freeform: Shape 50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2" name="Freeform: Shape 51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3" name="Freeform: Shape 52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4" name="Freeform: Shape 53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5" name="Freeform: Shape 54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6" name="Freeform: Shape 55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7" name="Freeform: Shape 56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8" name="Freeform: Shape 57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30" name="Graphic 29">
            <a:extLst>
              <a:ext uri="{FF2B5EF4-FFF2-40B4-BE49-F238E27FC236}">
                <a16:creationId xmlns:a16="http://schemas.microsoft.com/office/drawing/2014/main" id="{8FC637FA-B805-44DF-B633-71443FECF1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1" y="303495"/>
            <a:ext cx="2625724" cy="582935"/>
          </a:xfrm>
          <a:prstGeom prst="rect">
            <a:avLst/>
          </a:prstGeom>
        </p:spPr>
      </p:pic>
      <p:sp>
        <p:nvSpPr>
          <p:cNvPr id="29" name="Round Diagonal Corner Rectangle 4">
            <a:extLst>
              <a:ext uri="{FF2B5EF4-FFF2-40B4-BE49-F238E27FC236}">
                <a16:creationId xmlns:a16="http://schemas.microsoft.com/office/drawing/2014/main" id="{CEC8B8EF-BA1E-473C-9371-5D822E3B1243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69615874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86817" y="2571750"/>
            <a:ext cx="5231896" cy="553998"/>
          </a:xfrm>
        </p:spPr>
        <p:txBody>
          <a:bodyPr/>
          <a:lstStyle>
            <a:lvl1pPr>
              <a:spcAft>
                <a:spcPts val="0"/>
              </a:spcAft>
              <a:defRPr sz="18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4CE6A32C-CD06-49C3-AFB5-EFD7B362214F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6875377" y="0"/>
            <a:ext cx="5316625" cy="3327400"/>
          </a:xfrm>
          <a:custGeom>
            <a:avLst/>
            <a:gdLst>
              <a:gd name="connsiteX0" fmla="*/ 0 w 3987469"/>
              <a:gd name="connsiteY0" fmla="*/ 0 h 3327400"/>
              <a:gd name="connsiteX1" fmla="*/ 3987469 w 3987469"/>
              <a:gd name="connsiteY1" fmla="*/ 0 h 3327400"/>
              <a:gd name="connsiteX2" fmla="*/ 3987469 w 3987469"/>
              <a:gd name="connsiteY2" fmla="*/ 2667331 h 3327400"/>
              <a:gd name="connsiteX3" fmla="*/ 3327400 w 3987469"/>
              <a:gd name="connsiteY3" fmla="*/ 3327400 h 3327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987469" h="3327400">
                <a:moveTo>
                  <a:pt x="0" y="0"/>
                </a:moveTo>
                <a:lnTo>
                  <a:pt x="3987469" y="0"/>
                </a:lnTo>
                <a:lnTo>
                  <a:pt x="3987469" y="2667331"/>
                </a:lnTo>
                <a:lnTo>
                  <a:pt x="3327400" y="33274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1" name="Picture Placeholder 40">
            <a:extLst>
              <a:ext uri="{FF2B5EF4-FFF2-40B4-BE49-F238E27FC236}">
                <a16:creationId xmlns:a16="http://schemas.microsoft.com/office/drawing/2014/main" id="{A6BE9F3D-7630-4ED0-8A55-EF85C1A0D8F4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4004872" y="3530262"/>
            <a:ext cx="8187128" cy="3327739"/>
          </a:xfrm>
          <a:custGeom>
            <a:avLst/>
            <a:gdLst>
              <a:gd name="connsiteX0" fmla="*/ 3327739 w 6140346"/>
              <a:gd name="connsiteY0" fmla="*/ 0 h 3327739"/>
              <a:gd name="connsiteX1" fmla="*/ 6140346 w 6140346"/>
              <a:gd name="connsiteY1" fmla="*/ 2812607 h 3327739"/>
              <a:gd name="connsiteX2" fmla="*/ 6140346 w 6140346"/>
              <a:gd name="connsiteY2" fmla="*/ 3327739 h 3327739"/>
              <a:gd name="connsiteX3" fmla="*/ 0 w 6140346"/>
              <a:gd name="connsiteY3" fmla="*/ 3327739 h 3327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40346" h="3327739">
                <a:moveTo>
                  <a:pt x="3327739" y="0"/>
                </a:moveTo>
                <a:lnTo>
                  <a:pt x="6140346" y="2812607"/>
                </a:lnTo>
                <a:lnTo>
                  <a:pt x="6140346" y="3327739"/>
                </a:lnTo>
                <a:lnTo>
                  <a:pt x="0" y="33277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7" name="Picture Placeholder 12">
            <a:extLst>
              <a:ext uri="{FF2B5EF4-FFF2-40B4-BE49-F238E27FC236}">
                <a16:creationId xmlns:a16="http://schemas.microsoft.com/office/drawing/2014/main" id="{249160C1-B1F7-49FF-8654-DF16DE47AF08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8584927" y="2452280"/>
            <a:ext cx="2596800" cy="19476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5" name="Title 3">
            <a:extLst>
              <a:ext uri="{FF2B5EF4-FFF2-40B4-BE49-F238E27FC236}">
                <a16:creationId xmlns:a16="http://schemas.microsoft.com/office/drawing/2014/main" id="{549568EC-7896-49C6-B633-53DD658372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19" y="1417313"/>
            <a:ext cx="5270000" cy="369332"/>
          </a:xfrm>
        </p:spPr>
        <p:txBody>
          <a:bodyPr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grpSp>
        <p:nvGrpSpPr>
          <p:cNvPr id="36" name="Group 35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38" name="Freeform: Shape 37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9" name="Freeform: Shape 38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2" name="Freeform: Shape 4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4" name="Freeform: Shape 43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5" name="Freeform: Shape 44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6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8" name="Freeform: Shape 47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9" name="Freeform: Shape 48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0" name="Freeform: Shape 49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1" name="Freeform: Shape 50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2" name="Freeform: Shape 51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3" name="Freeform: Shape 52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4" name="Freeform: Shape 53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5" name="Freeform: Shape 54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6" name="Freeform: Shape 55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7" name="Freeform: Shape 56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8" name="Freeform: Shape 57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62" name="Graphic 61">
            <a:extLst>
              <a:ext uri="{FF2B5EF4-FFF2-40B4-BE49-F238E27FC236}">
                <a16:creationId xmlns:a16="http://schemas.microsoft.com/office/drawing/2014/main" id="{C72F7E97-1443-4A2B-A03E-9D78C5DD4B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1" y="303495"/>
            <a:ext cx="2625724" cy="582935"/>
          </a:xfrm>
          <a:prstGeom prst="rect">
            <a:avLst/>
          </a:prstGeom>
        </p:spPr>
      </p:pic>
      <p:sp>
        <p:nvSpPr>
          <p:cNvPr id="29" name="Round Diagonal Corner Rectangle 4">
            <a:extLst>
              <a:ext uri="{FF2B5EF4-FFF2-40B4-BE49-F238E27FC236}">
                <a16:creationId xmlns:a16="http://schemas.microsoft.com/office/drawing/2014/main" id="{87F5CE5A-52B7-48EE-90F8-13ED9583F3B7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08319047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86817" y="2571750"/>
            <a:ext cx="5231896" cy="553998"/>
          </a:xfrm>
        </p:spPr>
        <p:txBody>
          <a:bodyPr/>
          <a:lstStyle>
            <a:lvl1pPr>
              <a:spcAft>
                <a:spcPts val="0"/>
              </a:spcAft>
              <a:defRPr sz="18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4CE6A32C-CD06-49C3-AFB5-EFD7B362214F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6875377" y="0"/>
            <a:ext cx="5316625" cy="3327400"/>
          </a:xfrm>
          <a:custGeom>
            <a:avLst/>
            <a:gdLst>
              <a:gd name="connsiteX0" fmla="*/ 0 w 3987469"/>
              <a:gd name="connsiteY0" fmla="*/ 0 h 3327400"/>
              <a:gd name="connsiteX1" fmla="*/ 3987469 w 3987469"/>
              <a:gd name="connsiteY1" fmla="*/ 0 h 3327400"/>
              <a:gd name="connsiteX2" fmla="*/ 3987469 w 3987469"/>
              <a:gd name="connsiteY2" fmla="*/ 2667331 h 3327400"/>
              <a:gd name="connsiteX3" fmla="*/ 3327400 w 3987469"/>
              <a:gd name="connsiteY3" fmla="*/ 3327400 h 3327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987469" h="3327400">
                <a:moveTo>
                  <a:pt x="0" y="0"/>
                </a:moveTo>
                <a:lnTo>
                  <a:pt x="3987469" y="0"/>
                </a:lnTo>
                <a:lnTo>
                  <a:pt x="3987469" y="2667331"/>
                </a:lnTo>
                <a:lnTo>
                  <a:pt x="3327400" y="33274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1" name="Picture Placeholder 40">
            <a:extLst>
              <a:ext uri="{FF2B5EF4-FFF2-40B4-BE49-F238E27FC236}">
                <a16:creationId xmlns:a16="http://schemas.microsoft.com/office/drawing/2014/main" id="{A6BE9F3D-7630-4ED0-8A55-EF85C1A0D8F4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4004872" y="3530262"/>
            <a:ext cx="8187128" cy="3327739"/>
          </a:xfrm>
          <a:custGeom>
            <a:avLst/>
            <a:gdLst>
              <a:gd name="connsiteX0" fmla="*/ 3327739 w 6140346"/>
              <a:gd name="connsiteY0" fmla="*/ 0 h 3327739"/>
              <a:gd name="connsiteX1" fmla="*/ 6140346 w 6140346"/>
              <a:gd name="connsiteY1" fmla="*/ 2812607 h 3327739"/>
              <a:gd name="connsiteX2" fmla="*/ 6140346 w 6140346"/>
              <a:gd name="connsiteY2" fmla="*/ 3327739 h 3327739"/>
              <a:gd name="connsiteX3" fmla="*/ 0 w 6140346"/>
              <a:gd name="connsiteY3" fmla="*/ 3327739 h 3327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40346" h="3327739">
                <a:moveTo>
                  <a:pt x="3327739" y="0"/>
                </a:moveTo>
                <a:lnTo>
                  <a:pt x="6140346" y="2812607"/>
                </a:lnTo>
                <a:lnTo>
                  <a:pt x="6140346" y="3327739"/>
                </a:lnTo>
                <a:lnTo>
                  <a:pt x="0" y="33277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7" name="Picture Placeholder 12">
            <a:extLst>
              <a:ext uri="{FF2B5EF4-FFF2-40B4-BE49-F238E27FC236}">
                <a16:creationId xmlns:a16="http://schemas.microsoft.com/office/drawing/2014/main" id="{249160C1-B1F7-49FF-8654-DF16DE47AF08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8584927" y="2452280"/>
            <a:ext cx="2596800" cy="19476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5" name="Title 3">
            <a:extLst>
              <a:ext uri="{FF2B5EF4-FFF2-40B4-BE49-F238E27FC236}">
                <a16:creationId xmlns:a16="http://schemas.microsoft.com/office/drawing/2014/main" id="{1D9830BC-D2EF-4C82-9C84-9290ADDEF6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19" y="1417313"/>
            <a:ext cx="5270000" cy="369332"/>
          </a:xfrm>
        </p:spPr>
        <p:txBody>
          <a:bodyPr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grpSp>
        <p:nvGrpSpPr>
          <p:cNvPr id="38" name="Group 3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39" name="Freeform: Shape 3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2" name="Freeform: Shape 41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3" name="Freeform: Shape 42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4" name="Freeform: Shape 43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5" name="Freeform: Shape 44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6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7" name="Freeform: Shape 46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9" name="Freeform: Shape 48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0" name="Freeform: Shape 49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1" name="Freeform: Shape 50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2" name="Freeform: Shape 51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3" name="Freeform: Shape 52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4" name="Freeform: Shape 53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5" name="Freeform: Shape 54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6" name="Freeform: Shape 55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7" name="Freeform: Shape 56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8" name="Freeform: Shape 57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sp>
        <p:nvSpPr>
          <p:cNvPr id="29" name="Round Diagonal Corner Rectangle 4">
            <a:extLst>
              <a:ext uri="{FF2B5EF4-FFF2-40B4-BE49-F238E27FC236}">
                <a16:creationId xmlns:a16="http://schemas.microsoft.com/office/drawing/2014/main" id="{CEC8B8EF-BA1E-473C-9371-5D822E3B1243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32" name="Picture 31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171" y="357188"/>
            <a:ext cx="2351667" cy="52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115698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86817" y="2571750"/>
            <a:ext cx="5231896" cy="553998"/>
          </a:xfrm>
        </p:spPr>
        <p:txBody>
          <a:bodyPr/>
          <a:lstStyle>
            <a:lvl1pPr>
              <a:spcAft>
                <a:spcPts val="0"/>
              </a:spcAft>
              <a:defRPr sz="18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4CE6A32C-CD06-49C3-AFB5-EFD7B362214F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6875377" y="0"/>
            <a:ext cx="5316625" cy="3327400"/>
          </a:xfrm>
          <a:custGeom>
            <a:avLst/>
            <a:gdLst>
              <a:gd name="connsiteX0" fmla="*/ 0 w 3987469"/>
              <a:gd name="connsiteY0" fmla="*/ 0 h 3327400"/>
              <a:gd name="connsiteX1" fmla="*/ 3987469 w 3987469"/>
              <a:gd name="connsiteY1" fmla="*/ 0 h 3327400"/>
              <a:gd name="connsiteX2" fmla="*/ 3987469 w 3987469"/>
              <a:gd name="connsiteY2" fmla="*/ 2667331 h 3327400"/>
              <a:gd name="connsiteX3" fmla="*/ 3327400 w 3987469"/>
              <a:gd name="connsiteY3" fmla="*/ 3327400 h 3327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987469" h="3327400">
                <a:moveTo>
                  <a:pt x="0" y="0"/>
                </a:moveTo>
                <a:lnTo>
                  <a:pt x="3987469" y="0"/>
                </a:lnTo>
                <a:lnTo>
                  <a:pt x="3987469" y="2667331"/>
                </a:lnTo>
                <a:lnTo>
                  <a:pt x="3327400" y="33274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>
            <a:lvl1pPr algn="ctr">
              <a:defRPr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41" name="Picture Placeholder 40">
            <a:extLst>
              <a:ext uri="{FF2B5EF4-FFF2-40B4-BE49-F238E27FC236}">
                <a16:creationId xmlns:a16="http://schemas.microsoft.com/office/drawing/2014/main" id="{A6BE9F3D-7630-4ED0-8A55-EF85C1A0D8F4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4004872" y="3530262"/>
            <a:ext cx="8187128" cy="3327739"/>
          </a:xfrm>
          <a:custGeom>
            <a:avLst/>
            <a:gdLst>
              <a:gd name="connsiteX0" fmla="*/ 3327739 w 6140346"/>
              <a:gd name="connsiteY0" fmla="*/ 0 h 3327739"/>
              <a:gd name="connsiteX1" fmla="*/ 6140346 w 6140346"/>
              <a:gd name="connsiteY1" fmla="*/ 2812607 h 3327739"/>
              <a:gd name="connsiteX2" fmla="*/ 6140346 w 6140346"/>
              <a:gd name="connsiteY2" fmla="*/ 3327739 h 3327739"/>
              <a:gd name="connsiteX3" fmla="*/ 0 w 6140346"/>
              <a:gd name="connsiteY3" fmla="*/ 3327739 h 3327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40346" h="3327739">
                <a:moveTo>
                  <a:pt x="3327739" y="0"/>
                </a:moveTo>
                <a:lnTo>
                  <a:pt x="6140346" y="2812607"/>
                </a:lnTo>
                <a:lnTo>
                  <a:pt x="6140346" y="3327739"/>
                </a:lnTo>
                <a:lnTo>
                  <a:pt x="0" y="33277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7" name="Picture Placeholder 12">
            <a:extLst>
              <a:ext uri="{FF2B5EF4-FFF2-40B4-BE49-F238E27FC236}">
                <a16:creationId xmlns:a16="http://schemas.microsoft.com/office/drawing/2014/main" id="{249160C1-B1F7-49FF-8654-DF16DE47AF08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8584927" y="2452280"/>
            <a:ext cx="2596800" cy="19476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 dirty="0"/>
              <a:t> </a:t>
            </a:r>
            <a:endParaRPr lang="en-GB" dirty="0"/>
          </a:p>
        </p:txBody>
      </p:sp>
      <p:sp>
        <p:nvSpPr>
          <p:cNvPr id="35" name="Title 3">
            <a:extLst>
              <a:ext uri="{FF2B5EF4-FFF2-40B4-BE49-F238E27FC236}">
                <a16:creationId xmlns:a16="http://schemas.microsoft.com/office/drawing/2014/main" id="{CA4E558A-A36F-41DB-9D1C-8A9CE926E9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19" y="1417313"/>
            <a:ext cx="5270000" cy="369332"/>
          </a:xfrm>
        </p:spPr>
        <p:txBody>
          <a:bodyPr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grpSp>
        <p:nvGrpSpPr>
          <p:cNvPr id="38" name="Group 3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39" name="Freeform: Shape 3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2" name="Freeform: Shape 41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3" name="Freeform: Shape 42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4" name="Freeform: Shape 43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5" name="Freeform: Shape 44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6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7" name="Freeform: Shape 46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49" name="Freeform: Shape 48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0" name="Freeform: Shape 49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1" name="Freeform: Shape 50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2" name="Freeform: Shape 51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3" name="Freeform: Shape 52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4" name="Freeform: Shape 53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5" name="Freeform: Shape 54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6" name="Freeform: Shape 55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7" name="Freeform: Shape 56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8" name="Freeform: Shape 57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29" name="Graphic 28">
            <a:extLst>
              <a:ext uri="{FF2B5EF4-FFF2-40B4-BE49-F238E27FC236}">
                <a16:creationId xmlns:a16="http://schemas.microsoft.com/office/drawing/2014/main" id="{059473A8-6883-41A4-A23D-DD1B1D5F50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0" y="303495"/>
            <a:ext cx="1743772" cy="582935"/>
          </a:xfrm>
          <a:prstGeom prst="rect">
            <a:avLst/>
          </a:prstGeom>
        </p:spPr>
      </p:pic>
      <p:sp>
        <p:nvSpPr>
          <p:cNvPr id="30" name="Round Diagonal Corner Rectangle 4">
            <a:extLst>
              <a:ext uri="{FF2B5EF4-FFF2-40B4-BE49-F238E27FC236}">
                <a16:creationId xmlns:a16="http://schemas.microsoft.com/office/drawing/2014/main" id="{57E0544E-0101-471C-ACC7-BD597E5BCFAE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95619823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 26"/>
          <p:cNvSpPr/>
          <p:nvPr userDrawn="1"/>
        </p:nvSpPr>
        <p:spPr bwMode="auto">
          <a:xfrm>
            <a:off x="0" y="-1"/>
            <a:ext cx="12236741" cy="6917269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l">
              <a:spcAft>
                <a:spcPts val="450"/>
              </a:spcAft>
            </a:pPr>
            <a:endParaRPr lang="en-US" sz="1800" dirty="0" err="1">
              <a:solidFill>
                <a:schemeClr val="bg1"/>
              </a:solidFill>
              <a:latin typeface="+mn-lt"/>
              <a:cs typeface="Arial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3321" y="145807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68762" y="3467400"/>
            <a:ext cx="5378452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rot="16200000" flipV="1">
            <a:off x="6352064" y="180562"/>
            <a:ext cx="6065240" cy="5704115"/>
          </a:xfrm>
          <a:prstGeom prst="rect">
            <a:avLst/>
          </a:prstGeom>
        </p:spPr>
      </p:pic>
      <p:grpSp>
        <p:nvGrpSpPr>
          <p:cNvPr id="7" name="Group 6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8" name="Freeform: Shape 35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9" name="Freeform: Shape 37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0" name="Freeform: Shape 38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1" name="Freeform: Shape 4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2" name="Freeform: Shape 4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3" name="Freeform: Shape 4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4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5" name="Freeform: Shape 46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6" name="Freeform: Shape 47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7" name="Freeform: Shape 4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8" name="Freeform: Shape 4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9" name="Freeform: Shape 5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0" name="Freeform: Shape 5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1" name="Freeform: Shape 5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2" name="Freeform: Shape 5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3" name="Freeform: Shape 5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4" name="Freeform: Shape 5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5" name="Freeform: Shape 5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6" name="Freeform: Shape 5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3784171806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l">
              <a:spcAft>
                <a:spcPts val="450"/>
              </a:spcAft>
            </a:pPr>
            <a:endParaRPr lang="en-US" sz="1800" dirty="0" err="1">
              <a:solidFill>
                <a:schemeClr val="bg1"/>
              </a:solidFill>
              <a:latin typeface="+mn-lt"/>
              <a:cs typeface="Arial"/>
            </a:endParaRP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931" y="1411820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68762" y="3467400"/>
            <a:ext cx="5378452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 dirty="0"/>
              <a:t>Name</a:t>
            </a:r>
          </a:p>
          <a:p>
            <a:pPr lvl="1"/>
            <a:r>
              <a:rPr lang="en-US" dirty="0"/>
              <a:t>Date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3758268" y="2267566"/>
            <a:ext cx="8422547" cy="4607213"/>
          </a:xfrm>
          <a:prstGeom prst="rect">
            <a:avLst/>
          </a:prstGeom>
        </p:spPr>
      </p:pic>
      <p:grpSp>
        <p:nvGrpSpPr>
          <p:cNvPr id="8" name="Group 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9" name="Freeform: Shape 35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0" name="Freeform: Shape 37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1" name="Freeform: Shape 38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2" name="Freeform: Shape 4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3" name="Freeform: Shape 4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4" name="Freeform: Shape 4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5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6" name="Freeform: Shape 46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7" name="Freeform: Shape 47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8" name="Freeform: Shape 4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9" name="Freeform: Shape 4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0" name="Freeform: Shape 5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1" name="Freeform: Shape 5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2" name="Freeform: Shape 5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3" name="Freeform: Shape 5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4" name="Freeform: Shape 5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5" name="Freeform: Shape 5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6" name="Freeform: Shape 5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7" name="Freeform: Shape 5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1444476771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1107" y="3044280"/>
            <a:ext cx="5255711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50307" y="1052527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##</a:t>
            </a:r>
            <a:endParaRPr lang="en-GB" dirty="0"/>
          </a:p>
        </p:txBody>
      </p:sp>
      <p:sp>
        <p:nvSpPr>
          <p:cNvPr id="38" name="Picture Placeholder 37">
            <a:extLst>
              <a:ext uri="{FF2B5EF4-FFF2-40B4-BE49-F238E27FC236}">
                <a16:creationId xmlns:a16="http://schemas.microsoft.com/office/drawing/2014/main" id="{09CC1F6E-8547-404B-8A3D-7CD83974A0B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403600" y="6368"/>
            <a:ext cx="6788400" cy="6851632"/>
          </a:xfrm>
          <a:custGeom>
            <a:avLst/>
            <a:gdLst>
              <a:gd name="connsiteX0" fmla="*/ 2375514 w 5091300"/>
              <a:gd name="connsiteY0" fmla="*/ 0 h 6851632"/>
              <a:gd name="connsiteX1" fmla="*/ 5091300 w 5091300"/>
              <a:gd name="connsiteY1" fmla="*/ 0 h 6851632"/>
              <a:gd name="connsiteX2" fmla="*/ 5091300 w 5091300"/>
              <a:gd name="connsiteY2" fmla="*/ 6851632 h 6851632"/>
              <a:gd name="connsiteX3" fmla="*/ 4476116 w 5091300"/>
              <a:gd name="connsiteY3" fmla="*/ 6851632 h 6851632"/>
              <a:gd name="connsiteX4" fmla="*/ 0 w 5091300"/>
              <a:gd name="connsiteY4" fmla="*/ 2375516 h 6851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91300" h="6851632">
                <a:moveTo>
                  <a:pt x="2375514" y="0"/>
                </a:moveTo>
                <a:lnTo>
                  <a:pt x="5091300" y="0"/>
                </a:lnTo>
                <a:lnTo>
                  <a:pt x="5091300" y="6851632"/>
                </a:lnTo>
                <a:lnTo>
                  <a:pt x="4476116" y="6851632"/>
                </a:lnTo>
                <a:lnTo>
                  <a:pt x="0" y="2375516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grpSp>
        <p:nvGrpSpPr>
          <p:cNvPr id="26" name="Group 25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27" name="Freeform: Shape 26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8" name="Freeform: Shape 27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9" name="Freeform: Shape 28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0" name="Freeform: Shape 29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1" name="Freeform: Shape 30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3" name="Freeform: Shape 32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4" name="Freeform: Shape 3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5" name="Freeform: Shape 34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6" name="Freeform: Shape 35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7" name="Freeform: Shape 36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1" name="Freeform: Shape 6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2" name="Freeform: Shape 61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3" name="Freeform: Shape 62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4" name="Freeform: Shape 6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5" name="Freeform: Shape 64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6" name="Freeform: Shape 65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7" name="Freeform: Shape 66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sp>
        <p:nvSpPr>
          <p:cNvPr id="39" name="Round Diagonal Corner Rectangle 4">
            <a:extLst>
              <a:ext uri="{FF2B5EF4-FFF2-40B4-BE49-F238E27FC236}">
                <a16:creationId xmlns:a16="http://schemas.microsoft.com/office/drawing/2014/main" id="{F9165663-BF58-46EF-B3DC-0074C1C16B3C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007404287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1107" y="3044280"/>
            <a:ext cx="5255711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50307" y="1052527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##</a:t>
            </a:r>
            <a:endParaRPr lang="en-GB" dirty="0"/>
          </a:p>
        </p:txBody>
      </p:sp>
      <p:sp>
        <p:nvSpPr>
          <p:cNvPr id="38" name="Picture Placeholder 37">
            <a:extLst>
              <a:ext uri="{FF2B5EF4-FFF2-40B4-BE49-F238E27FC236}">
                <a16:creationId xmlns:a16="http://schemas.microsoft.com/office/drawing/2014/main" id="{09CC1F6E-8547-404B-8A3D-7CD83974A0B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403600" y="6368"/>
            <a:ext cx="6788400" cy="6851632"/>
          </a:xfrm>
          <a:custGeom>
            <a:avLst/>
            <a:gdLst>
              <a:gd name="connsiteX0" fmla="*/ 2375514 w 5091300"/>
              <a:gd name="connsiteY0" fmla="*/ 0 h 6851632"/>
              <a:gd name="connsiteX1" fmla="*/ 5091300 w 5091300"/>
              <a:gd name="connsiteY1" fmla="*/ 0 h 6851632"/>
              <a:gd name="connsiteX2" fmla="*/ 5091300 w 5091300"/>
              <a:gd name="connsiteY2" fmla="*/ 6851632 h 6851632"/>
              <a:gd name="connsiteX3" fmla="*/ 4476116 w 5091300"/>
              <a:gd name="connsiteY3" fmla="*/ 6851632 h 6851632"/>
              <a:gd name="connsiteX4" fmla="*/ 0 w 5091300"/>
              <a:gd name="connsiteY4" fmla="*/ 2375516 h 6851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91300" h="6851632">
                <a:moveTo>
                  <a:pt x="2375514" y="0"/>
                </a:moveTo>
                <a:lnTo>
                  <a:pt x="5091300" y="0"/>
                </a:lnTo>
                <a:lnTo>
                  <a:pt x="5091300" y="6851632"/>
                </a:lnTo>
                <a:lnTo>
                  <a:pt x="4476116" y="6851632"/>
                </a:lnTo>
                <a:lnTo>
                  <a:pt x="0" y="2375516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grpSp>
        <p:nvGrpSpPr>
          <p:cNvPr id="28" name="Group 2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29" name="Freeform: Shape 2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0" name="Freeform: Shape 29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1" name="Freeform: Shape 30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2" name="Freeform: Shape 3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3" name="Freeform: Shape 3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4" name="Freeform: Shape 3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5" name="Freeform: Shape 34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6" name="Freeform: Shape 35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7" name="Freeform: Shape 36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1" name="Freeform: Shape 6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2" name="Freeform: Shape 6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3" name="Freeform: Shape 6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4" name="Freeform: Shape 6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5" name="Freeform: Shape 6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6" name="Freeform: Shape 6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7" name="Freeform: Shape 6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8" name="Freeform: Shape 6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39" name="Graphic 38">
            <a:extLst>
              <a:ext uri="{FF2B5EF4-FFF2-40B4-BE49-F238E27FC236}">
                <a16:creationId xmlns:a16="http://schemas.microsoft.com/office/drawing/2014/main" id="{CDB012FC-6F5E-4773-A9A9-508871AE115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1" y="303495"/>
            <a:ext cx="2625724" cy="582935"/>
          </a:xfrm>
          <a:prstGeom prst="rect">
            <a:avLst/>
          </a:prstGeom>
        </p:spPr>
      </p:pic>
      <p:sp>
        <p:nvSpPr>
          <p:cNvPr id="40" name="Round Diagonal Corner Rectangle 4">
            <a:extLst>
              <a:ext uri="{FF2B5EF4-FFF2-40B4-BE49-F238E27FC236}">
                <a16:creationId xmlns:a16="http://schemas.microsoft.com/office/drawing/2014/main" id="{11A5033A-EBCF-4E8C-B1A9-EE8B023E8BCD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088863275"/>
      </p:ext>
    </p:extLst>
  </p:cSld>
  <p:clrMapOvr>
    <a:masterClrMapping/>
  </p:clrMapOvr>
  <p:transition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1107" y="3044280"/>
            <a:ext cx="5255711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50307" y="1052527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##</a:t>
            </a:r>
            <a:endParaRPr lang="en-GB" dirty="0"/>
          </a:p>
        </p:txBody>
      </p:sp>
      <p:sp>
        <p:nvSpPr>
          <p:cNvPr id="38" name="Picture Placeholder 37">
            <a:extLst>
              <a:ext uri="{FF2B5EF4-FFF2-40B4-BE49-F238E27FC236}">
                <a16:creationId xmlns:a16="http://schemas.microsoft.com/office/drawing/2014/main" id="{09CC1F6E-8547-404B-8A3D-7CD83974A0B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403600" y="6368"/>
            <a:ext cx="6788400" cy="6851632"/>
          </a:xfrm>
          <a:custGeom>
            <a:avLst/>
            <a:gdLst>
              <a:gd name="connsiteX0" fmla="*/ 2375514 w 5091300"/>
              <a:gd name="connsiteY0" fmla="*/ 0 h 6851632"/>
              <a:gd name="connsiteX1" fmla="*/ 5091300 w 5091300"/>
              <a:gd name="connsiteY1" fmla="*/ 0 h 6851632"/>
              <a:gd name="connsiteX2" fmla="*/ 5091300 w 5091300"/>
              <a:gd name="connsiteY2" fmla="*/ 6851632 h 6851632"/>
              <a:gd name="connsiteX3" fmla="*/ 4476116 w 5091300"/>
              <a:gd name="connsiteY3" fmla="*/ 6851632 h 6851632"/>
              <a:gd name="connsiteX4" fmla="*/ 0 w 5091300"/>
              <a:gd name="connsiteY4" fmla="*/ 2375516 h 6851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91300" h="6851632">
                <a:moveTo>
                  <a:pt x="2375514" y="0"/>
                </a:moveTo>
                <a:lnTo>
                  <a:pt x="5091300" y="0"/>
                </a:lnTo>
                <a:lnTo>
                  <a:pt x="5091300" y="6851632"/>
                </a:lnTo>
                <a:lnTo>
                  <a:pt x="4476116" y="6851632"/>
                </a:lnTo>
                <a:lnTo>
                  <a:pt x="0" y="2375516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grpSp>
        <p:nvGrpSpPr>
          <p:cNvPr id="28" name="Group 2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29" name="Freeform: Shape 2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0" name="Freeform: Shape 29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1" name="Freeform: Shape 30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2" name="Freeform: Shape 3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3" name="Freeform: Shape 3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4" name="Freeform: Shape 3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5" name="Freeform: Shape 34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6" name="Freeform: Shape 35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7" name="Freeform: Shape 36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1" name="Freeform: Shape 6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2" name="Freeform: Shape 6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3" name="Freeform: Shape 6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4" name="Freeform: Shape 6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5" name="Freeform: Shape 6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6" name="Freeform: Shape 6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7" name="Freeform: Shape 6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8" name="Freeform: Shape 6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39" name="Graphic 38">
            <a:extLst>
              <a:ext uri="{FF2B5EF4-FFF2-40B4-BE49-F238E27FC236}">
                <a16:creationId xmlns:a16="http://schemas.microsoft.com/office/drawing/2014/main" id="{87724E65-2B53-4366-B770-73083FC3ADD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1" y="303495"/>
            <a:ext cx="2625724" cy="582935"/>
          </a:xfrm>
          <a:prstGeom prst="rect">
            <a:avLst/>
          </a:prstGeom>
        </p:spPr>
      </p:pic>
      <p:sp>
        <p:nvSpPr>
          <p:cNvPr id="40" name="Round Diagonal Corner Rectangle 4">
            <a:extLst>
              <a:ext uri="{FF2B5EF4-FFF2-40B4-BE49-F238E27FC236}">
                <a16:creationId xmlns:a16="http://schemas.microsoft.com/office/drawing/2014/main" id="{8CEA045E-A87B-4469-A789-0B95D1052D03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58440612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_slide_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9417797" y="3280103"/>
            <a:ext cx="1776000" cy="177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1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62998" y="1706072"/>
            <a:ext cx="3420431" cy="1548000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000" b="0" i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62998" y="3325072"/>
            <a:ext cx="3420431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9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892461882"/>
      </p:ext>
    </p:extLst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1107" y="3044280"/>
            <a:ext cx="5255711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50307" y="1052527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##</a:t>
            </a:r>
            <a:endParaRPr lang="en-GB" dirty="0"/>
          </a:p>
        </p:txBody>
      </p:sp>
      <p:sp>
        <p:nvSpPr>
          <p:cNvPr id="38" name="Picture Placeholder 37">
            <a:extLst>
              <a:ext uri="{FF2B5EF4-FFF2-40B4-BE49-F238E27FC236}">
                <a16:creationId xmlns:a16="http://schemas.microsoft.com/office/drawing/2014/main" id="{09CC1F6E-8547-404B-8A3D-7CD83974A0B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403600" y="6368"/>
            <a:ext cx="6788400" cy="6851632"/>
          </a:xfrm>
          <a:custGeom>
            <a:avLst/>
            <a:gdLst>
              <a:gd name="connsiteX0" fmla="*/ 2375514 w 5091300"/>
              <a:gd name="connsiteY0" fmla="*/ 0 h 6851632"/>
              <a:gd name="connsiteX1" fmla="*/ 5091300 w 5091300"/>
              <a:gd name="connsiteY1" fmla="*/ 0 h 6851632"/>
              <a:gd name="connsiteX2" fmla="*/ 5091300 w 5091300"/>
              <a:gd name="connsiteY2" fmla="*/ 6851632 h 6851632"/>
              <a:gd name="connsiteX3" fmla="*/ 4476116 w 5091300"/>
              <a:gd name="connsiteY3" fmla="*/ 6851632 h 6851632"/>
              <a:gd name="connsiteX4" fmla="*/ 0 w 5091300"/>
              <a:gd name="connsiteY4" fmla="*/ 2375516 h 6851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91300" h="6851632">
                <a:moveTo>
                  <a:pt x="2375514" y="0"/>
                </a:moveTo>
                <a:lnTo>
                  <a:pt x="5091300" y="0"/>
                </a:lnTo>
                <a:lnTo>
                  <a:pt x="5091300" y="6851632"/>
                </a:lnTo>
                <a:lnTo>
                  <a:pt x="4476116" y="6851632"/>
                </a:lnTo>
                <a:lnTo>
                  <a:pt x="0" y="2375516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grpSp>
        <p:nvGrpSpPr>
          <p:cNvPr id="28" name="Group 27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29" name="Freeform: Shape 28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0" name="Freeform: Shape 29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1" name="Freeform: Shape 30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2" name="Freeform: Shape 3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3" name="Freeform: Shape 3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4" name="Freeform: Shape 3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5" name="Freeform: Shape 34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6" name="Freeform: Shape 35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7" name="Freeform: Shape 36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1" name="Freeform: Shape 6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2" name="Freeform: Shape 6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3" name="Freeform: Shape 6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4" name="Freeform: Shape 6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5" name="Freeform: Shape 6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6" name="Freeform: Shape 6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7" name="Freeform: Shape 6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8" name="Freeform: Shape 6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sp>
        <p:nvSpPr>
          <p:cNvPr id="40" name="Round Diagonal Corner Rectangle 4">
            <a:extLst>
              <a:ext uri="{FF2B5EF4-FFF2-40B4-BE49-F238E27FC236}">
                <a16:creationId xmlns:a16="http://schemas.microsoft.com/office/drawing/2014/main" id="{11A5033A-EBCF-4E8C-B1A9-EE8B023E8BCD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171" y="357188"/>
            <a:ext cx="2351667" cy="52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9107083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1107" y="3044280"/>
            <a:ext cx="5255711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50307" y="1052527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##</a:t>
            </a:r>
            <a:endParaRPr lang="en-GB" dirty="0"/>
          </a:p>
        </p:txBody>
      </p:sp>
      <p:sp>
        <p:nvSpPr>
          <p:cNvPr id="38" name="Picture Placeholder 37">
            <a:extLst>
              <a:ext uri="{FF2B5EF4-FFF2-40B4-BE49-F238E27FC236}">
                <a16:creationId xmlns:a16="http://schemas.microsoft.com/office/drawing/2014/main" id="{09CC1F6E-8547-404B-8A3D-7CD83974A0B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403600" y="6368"/>
            <a:ext cx="6788400" cy="6851632"/>
          </a:xfrm>
          <a:custGeom>
            <a:avLst/>
            <a:gdLst>
              <a:gd name="connsiteX0" fmla="*/ 2375514 w 5091300"/>
              <a:gd name="connsiteY0" fmla="*/ 0 h 6851632"/>
              <a:gd name="connsiteX1" fmla="*/ 5091300 w 5091300"/>
              <a:gd name="connsiteY1" fmla="*/ 0 h 6851632"/>
              <a:gd name="connsiteX2" fmla="*/ 5091300 w 5091300"/>
              <a:gd name="connsiteY2" fmla="*/ 6851632 h 6851632"/>
              <a:gd name="connsiteX3" fmla="*/ 4476116 w 5091300"/>
              <a:gd name="connsiteY3" fmla="*/ 6851632 h 6851632"/>
              <a:gd name="connsiteX4" fmla="*/ 0 w 5091300"/>
              <a:gd name="connsiteY4" fmla="*/ 2375516 h 6851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91300" h="6851632">
                <a:moveTo>
                  <a:pt x="2375514" y="0"/>
                </a:moveTo>
                <a:lnTo>
                  <a:pt x="5091300" y="0"/>
                </a:lnTo>
                <a:lnTo>
                  <a:pt x="5091300" y="6851632"/>
                </a:lnTo>
                <a:lnTo>
                  <a:pt x="4476116" y="6851632"/>
                </a:lnTo>
                <a:lnTo>
                  <a:pt x="0" y="2375516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>
            <a:noAutofit/>
          </a:bodyPr>
          <a:lstStyle/>
          <a:p>
            <a:r>
              <a:rPr lang="en-US" dirty="0"/>
              <a:t> </a:t>
            </a:r>
            <a:endParaRPr lang="en-GB" dirty="0"/>
          </a:p>
        </p:txBody>
      </p:sp>
      <p:grpSp>
        <p:nvGrpSpPr>
          <p:cNvPr id="27" name="Group 26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28" name="Freeform: Shape 27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9" name="Freeform: Shape 28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0" name="Freeform: Shape 29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1" name="Freeform: Shape 30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2" name="Freeform: Shape 31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3" name="Freeform: Shape 32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5" name="Freeform: Shape 34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6" name="Freeform: Shape 35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37" name="Freeform: Shape 36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59" name="Freeform: Shape 5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0" name="Freeform: Shape 5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1" name="Freeform: Shape 6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2" name="Freeform: Shape 6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3" name="Freeform: Shape 6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4" name="Freeform: Shape 6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5" name="Freeform: Shape 6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6" name="Freeform: Shape 6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7" name="Freeform: Shape 6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8" name="Freeform: Shape 6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39" name="Graphic 38">
            <a:extLst>
              <a:ext uri="{FF2B5EF4-FFF2-40B4-BE49-F238E27FC236}">
                <a16:creationId xmlns:a16="http://schemas.microsoft.com/office/drawing/2014/main" id="{A3532B68-E55F-4BD0-A158-E8EF4BE55C7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4230" y="303495"/>
            <a:ext cx="1743772" cy="582935"/>
          </a:xfrm>
          <a:prstGeom prst="rect">
            <a:avLst/>
          </a:prstGeom>
        </p:spPr>
      </p:pic>
      <p:sp>
        <p:nvSpPr>
          <p:cNvPr id="40" name="Round Diagonal Corner Rectangle 4">
            <a:extLst>
              <a:ext uri="{FF2B5EF4-FFF2-40B4-BE49-F238E27FC236}">
                <a16:creationId xmlns:a16="http://schemas.microsoft.com/office/drawing/2014/main" id="{D3A1E4EA-0077-42A5-956F-3A4718FA49A8}"/>
              </a:ext>
            </a:extLst>
          </p:cNvPr>
          <p:cNvSpPr/>
          <p:nvPr userDrawn="1"/>
        </p:nvSpPr>
        <p:spPr>
          <a:xfrm>
            <a:off x="12275234" y="0"/>
            <a:ext cx="2707513" cy="193175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827039256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 26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34" tIns="45718" rIns="91434" bIns="45718" numCol="1" rtlCol="0" anchor="t" anchorCtr="0" compatLnSpc="1">
            <a:prstTxWarp prst="textNoShape">
              <a:avLst/>
            </a:prstTxWarp>
          </a:bodyPr>
          <a:lstStyle/>
          <a:p>
            <a:pPr algn="l">
              <a:spcAft>
                <a:spcPts val="450"/>
              </a:spcAft>
            </a:pPr>
            <a:endParaRPr lang="en-US" sz="1800" dirty="0" err="1">
              <a:solidFill>
                <a:schemeClr val="bg1"/>
              </a:solidFill>
              <a:latin typeface="+mn-lt"/>
              <a:cs typeface="Arial"/>
            </a:endParaRPr>
          </a:p>
        </p:txBody>
      </p:sp>
      <p:sp>
        <p:nvSpPr>
          <p:cNvPr id="4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60001" y="3382040"/>
            <a:ext cx="3365500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 heading</a:t>
            </a:r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88640" y="1497028"/>
            <a:ext cx="3464989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1</a:t>
            </a:r>
            <a:endParaRPr lang="en-GB" dirty="0"/>
          </a:p>
        </p:txBody>
      </p:sp>
      <p:grpSp>
        <p:nvGrpSpPr>
          <p:cNvPr id="6" name="Group 5"/>
          <p:cNvGrpSpPr/>
          <p:nvPr userDrawn="1"/>
        </p:nvGrpSpPr>
        <p:grpSpPr>
          <a:xfrm>
            <a:off x="568761" y="6133626"/>
            <a:ext cx="2540000" cy="401519"/>
            <a:chOff x="2910342" y="325575"/>
            <a:chExt cx="5928968" cy="1249653"/>
          </a:xfrm>
        </p:grpSpPr>
        <p:sp>
          <p:nvSpPr>
            <p:cNvPr id="7" name="Freeform: Shape 35"/>
            <p:cNvSpPr/>
            <p:nvPr/>
          </p:nvSpPr>
          <p:spPr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8" name="Freeform: Shape 37"/>
            <p:cNvSpPr/>
            <p:nvPr/>
          </p:nvSpPr>
          <p:spPr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9" name="Freeform: Shape 38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0" name="Freeform: Shape 41"/>
            <p:cNvSpPr/>
            <p:nvPr/>
          </p:nvSpPr>
          <p:spPr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1" name="Freeform: Shape 42"/>
            <p:cNvSpPr/>
            <p:nvPr/>
          </p:nvSpPr>
          <p:spPr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2" name="Freeform: Shape 43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3" name="Freeform: Shape 45"/>
            <p:cNvSpPr/>
            <p:nvPr/>
          </p:nvSpPr>
          <p:spPr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4" name="Freeform: Shape 46"/>
            <p:cNvSpPr/>
            <p:nvPr/>
          </p:nvSpPr>
          <p:spPr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5" name="Freeform: Shape 47"/>
            <p:cNvSpPr/>
            <p:nvPr/>
          </p:nvSpPr>
          <p:spPr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6" name="Freeform: Shape 48"/>
            <p:cNvSpPr/>
            <p:nvPr/>
          </p:nvSpPr>
          <p:spPr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7" name="Freeform: Shape 49"/>
            <p:cNvSpPr/>
            <p:nvPr/>
          </p:nvSpPr>
          <p:spPr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8" name="Freeform: Shape 50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9" name="Freeform: Shape 51"/>
            <p:cNvSpPr/>
            <p:nvPr/>
          </p:nvSpPr>
          <p:spPr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0" name="Freeform: Shape 52"/>
            <p:cNvSpPr/>
            <p:nvPr/>
          </p:nvSpPr>
          <p:spPr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1" name="Freeform: Shape 53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2" name="Freeform: Shape 54"/>
            <p:cNvSpPr/>
            <p:nvPr/>
          </p:nvSpPr>
          <p:spPr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3" name="Freeform: Shape 55"/>
            <p:cNvSpPr/>
            <p:nvPr/>
          </p:nvSpPr>
          <p:spPr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4" name="Freeform: Shape 56"/>
            <p:cNvSpPr/>
            <p:nvPr/>
          </p:nvSpPr>
          <p:spPr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5" name="Freeform: Shape 57"/>
            <p:cNvSpPr/>
            <p:nvPr/>
          </p:nvSpPr>
          <p:spPr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  <p:pic>
        <p:nvPicPr>
          <p:cNvPr id="26" name="Picture 25"/>
          <p:cNvPicPr>
            <a:picLocks noChangeAspect="1"/>
          </p:cNvPicPr>
          <p:nvPr userDrawn="1"/>
        </p:nvPicPr>
        <p:blipFill rotWithShape="1">
          <a:blip r:embed="rId2"/>
          <a:srcRect r="23305" b="53486"/>
          <a:stretch/>
        </p:blipFill>
        <p:spPr>
          <a:xfrm>
            <a:off x="4587373" y="3179428"/>
            <a:ext cx="7604627" cy="36785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8644211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Layou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52091BDE-8D32-45BA-8B05-DD4216B1638A}"/>
              </a:ext>
            </a:extLst>
          </p:cNvPr>
          <p:cNvGrpSpPr/>
          <p:nvPr userDrawn="1"/>
        </p:nvGrpSpPr>
        <p:grpSpPr bwMode="black">
          <a:xfrm>
            <a:off x="2806700" y="2909034"/>
            <a:ext cx="6578600" cy="1039932"/>
            <a:chOff x="2910342" y="325575"/>
            <a:chExt cx="5928968" cy="1249653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A57378A6-C5A9-4A2C-B31B-EA15D5A0FE13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AE02F4F1-BC64-4B71-9E4E-AFA3BA5D9284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F17A2B2C-D6F2-4479-9425-86B568230B87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2011773E-597C-481D-B648-114EC7522986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D28185BD-C34B-4E50-90A0-42A4AABFD6F8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469029C-5A60-4376-BC7D-F118160FFE0E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F08901CA-EBBA-48C9-A455-39FED58F1C74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E3D44C5A-5300-472D-9CB9-D76132F9DEE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D3A8FA55-DAA9-461E-9FED-A9A1B659EA7A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74610353-9575-4653-839D-B8325BE73337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B21885C5-7DDB-4A16-922D-087FA03AE3A9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00B5B5E7-4134-45F5-B9B2-F95F687266C2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C831FF1B-C914-46E6-BBAB-45FCEF2DDEC6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4338027-A927-4C3D-AF95-4646D340421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704EA4F8-DD37-473D-9F06-72E6DF74F66B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96486B9F-0ACD-42EC-8AD3-D7C9EE2BF62A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1A96A062-93F0-4915-9B7C-6CB09526FC4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6F5C7FBC-AB52-40CB-921A-5ACB3377FDD1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D81DC520-5E27-419C-8EC0-F520CA9211F2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800" dirty="0"/>
            </a:p>
          </p:txBody>
        </p:sp>
      </p:grpSp>
    </p:spTree>
    <p:extLst>
      <p:ext uri="{BB962C8B-B14F-4D97-AF65-F5344CB8AC3E}">
        <p14:creationId xmlns:p14="http://schemas.microsoft.com/office/powerpoint/2010/main" val="710331392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8697948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303685" y="1416051"/>
            <a:ext cx="3436199" cy="4605867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32001" y="1416667"/>
            <a:ext cx="3456319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368800" y="1416667"/>
            <a:ext cx="3456000" cy="2502993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12275234" y="2853769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00281787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30374" y="1424517"/>
            <a:ext cx="7392828" cy="250299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12275233" y="1"/>
            <a:ext cx="2706315" cy="2781137"/>
            <a:chOff x="3528102" y="847657"/>
            <a:chExt cx="2029736" cy="2085853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085853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120648" marR="0" lvl="2" indent="-120648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963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121917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8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120648" marR="0" lvl="2" indent="-120648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121917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364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192815398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431800" y="1416667"/>
            <a:ext cx="11328000" cy="4605251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12275233" y="1"/>
            <a:ext cx="2706315" cy="132804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8000" tIns="48000" rIns="48000" bIns="48000" rtlCol="0" anchor="t" anchorCtr="0">
            <a:spAutoFit/>
          </a:bodyPr>
          <a:lstStyle/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265159"/>
      </p:ext>
    </p:extLst>
  </p:cSld>
  <p:clrMapOvr>
    <a:masterClrMapping/>
  </p:clrMapOvr>
  <p:transition>
    <p:fade/>
  </p:transition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1021" y="6053372"/>
            <a:ext cx="2768464" cy="482477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24789197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1021" y="6155682"/>
            <a:ext cx="2763048" cy="327855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51152658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Divider_georgia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9417797" y="3280103"/>
            <a:ext cx="1776000" cy="177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sp>
        <p:nvSpPr>
          <p:cNvPr id="11" name="Text Placeholder 5"/>
          <p:cNvSpPr>
            <a:spLocks noGrp="1"/>
          </p:cNvSpPr>
          <p:nvPr>
            <p:ph type="body" sz="quarter" idx="12"/>
          </p:nvPr>
        </p:nvSpPr>
        <p:spPr>
          <a:xfrm>
            <a:off x="62998" y="1706072"/>
            <a:ext cx="3420431" cy="1548000"/>
          </a:xfrm>
          <a:noFill/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2000" b="0" i="1">
                <a:solidFill>
                  <a:schemeClr val="bg1"/>
                </a:solidFill>
                <a:latin typeface="Georgia" panose="02040502050405020303" pitchFamily="18" charset="0"/>
                <a:cs typeface="Times New Roman" panose="02020603050405020304" pitchFamily="18" charset="0"/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9"/>
          </p:nvPr>
        </p:nvSpPr>
        <p:spPr>
          <a:xfrm>
            <a:off x="62998" y="3325072"/>
            <a:ext cx="3420431" cy="383139"/>
          </a:xfrm>
          <a:noFill/>
        </p:spPr>
        <p:txBody>
          <a:bodyPr tIns="0" rIns="36000" bIns="36000"/>
          <a:lstStyle>
            <a:lvl1pPr marL="0" indent="0">
              <a:spcAft>
                <a:spcPts val="0"/>
              </a:spcAft>
              <a:buFont typeface="Arial" panose="020B0604020202020204" pitchFamily="34" charset="0"/>
              <a:buNone/>
              <a:defRPr sz="900">
                <a:solidFill>
                  <a:schemeClr val="bg1"/>
                </a:solidFill>
              </a:defRPr>
            </a:lvl1pPr>
            <a:lvl2pPr marL="93652" indent="0">
              <a:buFont typeface="Arial" panose="020B0604020202020204" pitchFamily="34" charset="0"/>
              <a:buNone/>
              <a:defRPr/>
            </a:lvl2pPr>
            <a:lvl3pPr marL="355554" indent="0">
              <a:buFont typeface="Arial" panose="020B0604020202020204" pitchFamily="34" charset="0"/>
              <a:buNone/>
              <a:defRPr/>
            </a:lvl3pPr>
            <a:lvl4pPr marL="626987" indent="0">
              <a:buFont typeface="Arial" panose="020B0604020202020204" pitchFamily="34" charset="0"/>
              <a:buNone/>
              <a:defRPr/>
            </a:lvl4pPr>
            <a:lvl5pPr marL="896826" indent="0">
              <a:buFont typeface="Arial" panose="020B0604020202020204" pitchFamily="34" charset="0"/>
              <a:buNone/>
              <a:defRPr/>
            </a:lvl5pPr>
          </a:lstStyle>
          <a:p>
            <a:pPr lvl="0"/>
            <a:endParaRPr lang="en-US" dirty="0"/>
          </a:p>
        </p:txBody>
      </p:sp>
      <p:pic>
        <p:nvPicPr>
          <p:cNvPr id="9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425407098"/>
      </p:ext>
    </p:extLst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sp>
        <p:nvSpPr>
          <p:cNvPr id="15" name="Picture Placeholder 12"/>
          <p:cNvSpPr>
            <a:spLocks noGrp="1" noChangeAspect="1"/>
          </p:cNvSpPr>
          <p:nvPr>
            <p:ph type="pic" sz="quarter" idx="15" hasCustomPrompt="1"/>
          </p:nvPr>
        </p:nvSpPr>
        <p:spPr bwMode="gray">
          <a:xfrm rot="16200000">
            <a:off x="-137512" y="475143"/>
            <a:ext cx="537365" cy="26868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4378642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9761726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5188815" y="1"/>
            <a:ext cx="6613725" cy="3306863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3039545" y="3550800"/>
            <a:ext cx="6614400" cy="33072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6461380" y="2468831"/>
            <a:ext cx="1920000" cy="192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867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28" name="Graphic 27">
            <a:extLst>
              <a:ext uri="{FF2B5EF4-FFF2-40B4-BE49-F238E27FC236}">
                <a16:creationId xmlns:a16="http://schemas.microsoft.com/office/drawing/2014/main" id="{A4769A89-F694-4BC2-B8EA-1E2093D69AAE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4"/>
            <a:ext cx="1537609" cy="6853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8789057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CA499534-3473-4E22-AB07-600AA3C32E6E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3329" y="6024761"/>
            <a:ext cx="2688937" cy="468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250557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503128" y="6128283"/>
            <a:ext cx="1808992" cy="488191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30" name="Graphic 29">
            <a:extLst>
              <a:ext uri="{FF2B5EF4-FFF2-40B4-BE49-F238E27FC236}">
                <a16:creationId xmlns:a16="http://schemas.microsoft.com/office/drawing/2014/main" id="{1A4C1D0B-5407-4DAA-8724-B6778E12A96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-3171" y="277363"/>
            <a:ext cx="2315292" cy="6853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9568661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40259" y="3382038"/>
            <a:ext cx="3365500" cy="1025921"/>
          </a:xfrm>
        </p:spPr>
        <p:txBody>
          <a:bodyPr/>
          <a:lstStyle>
            <a:lvl1pPr>
              <a:spcAft>
                <a:spcPts val="0"/>
              </a:spcAft>
              <a:defRPr lang="en-US" sz="4267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24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3328" y="907121"/>
            <a:ext cx="3464989" cy="2359620"/>
          </a:xfrm>
        </p:spPr>
        <p:txBody>
          <a:bodyPr anchor="b" anchorCtr="0"/>
          <a:lstStyle>
            <a:lvl1pPr>
              <a:defRPr sz="15333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4132615" y="-12668"/>
            <a:ext cx="8074880" cy="687730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31021" y="6178549"/>
            <a:ext cx="1881099" cy="386768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3172" y="340801"/>
            <a:ext cx="2063109" cy="610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8914648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806700" y="2735713"/>
            <a:ext cx="6578600" cy="1386576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2400"/>
            </a:p>
          </p:txBody>
        </p:sp>
      </p:grpSp>
    </p:spTree>
    <p:extLst>
      <p:ext uri="{BB962C8B-B14F-4D97-AF65-F5344CB8AC3E}">
        <p14:creationId xmlns:p14="http://schemas.microsoft.com/office/powerpoint/2010/main" val="2600203258"/>
      </p:ext>
    </p:extLst>
  </p:cSld>
  <p:clrMapOvr>
    <a:masterClrMapping/>
  </p:clrMapOvr>
  <p:transition>
    <p:fade/>
  </p:transition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0261" y="1411818"/>
            <a:ext cx="5378452" cy="1157385"/>
          </a:xfrm>
        </p:spPr>
        <p:txBody>
          <a:bodyPr anchor="t" anchorCtr="0"/>
          <a:lstStyle>
            <a:lvl1pPr>
              <a:lnSpc>
                <a:spcPct val="80000"/>
              </a:lnSpc>
              <a:defRPr sz="4267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440261" y="3467400"/>
            <a:ext cx="5378452" cy="697563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12275234" y="1"/>
            <a:ext cx="2707513" cy="282189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56184" tIns="56184" rIns="56184" bIns="56184" rtlCol="0" anchor="t" anchorCtr="0">
            <a:spAutoFit/>
          </a:bodyPr>
          <a:lstStyle/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121917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120648" marR="0" lvl="2" indent="-120648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3329" y="6024761"/>
            <a:ext cx="2688937" cy="468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7970493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91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/>
              <a:t>Click to add sub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9"/>
            <a:ext cx="11252200" cy="3341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1500"/>
            </a:lvl1pPr>
          </a:lstStyle>
          <a:p>
            <a:r>
              <a:rPr lang="en-US" noProof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96396266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Text_GBE BET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0374" y="1411820"/>
            <a:ext cx="11331253" cy="2503249"/>
          </a:xfrm>
        </p:spPr>
        <p:txBody>
          <a:bodyPr/>
          <a:lstStyle>
            <a:lvl1pPr>
              <a:buClr>
                <a:schemeClr val="accent1"/>
              </a:buClr>
              <a:defRPr/>
            </a:lvl1pPr>
            <a:lvl2pPr>
              <a:buClr>
                <a:schemeClr val="accent1"/>
              </a:buClr>
              <a:defRPr/>
            </a:lvl2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 marL="1168253" indent="-271429">
              <a:buClr>
                <a:schemeClr val="accent1"/>
              </a:buCl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3546463-9BB8-453B-9F3B-839C6EB6659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1929200"/>
      </p:ext>
    </p:extLst>
  </p:cSld>
  <p:clrMapOvr>
    <a:masterClrMapping/>
  </p:clrMapOvr>
  <p:transition/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_slide_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77796" y="5165269"/>
            <a:ext cx="11106723" cy="1491623"/>
          </a:xfrm>
          <a:prstGeom prst="rect">
            <a:avLst/>
          </a:prstGeom>
        </p:spPr>
        <p:txBody>
          <a:bodyPr vert="horz" lIns="72000" tIns="36000" rIns="0" bIns="0"/>
          <a:lstStyle>
            <a:lvl1pPr marL="342891" indent="-342891">
              <a:buFont typeface="Arial" panose="020B0604020202020204" pitchFamily="34" charset="0"/>
              <a:buNone/>
              <a:defRPr lang="en-US" sz="2667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rtl="0" eaLnBrk="1" fontAlgn="base" hangingPunct="1">
              <a:spcBef>
                <a:spcPct val="0"/>
              </a:spcBef>
              <a:spcAft>
                <a:spcPts val="600"/>
              </a:spcAft>
              <a:buClr>
                <a:schemeClr val="accent1"/>
              </a:buClr>
            </a:pPr>
            <a:r>
              <a:rPr lang="en-GB" dirty="0"/>
              <a:t>With image description [subtitle here]</a:t>
            </a:r>
            <a:endParaRPr lang="en-US" dirty="0"/>
          </a:p>
        </p:txBody>
      </p:sp>
      <p:sp>
        <p:nvSpPr>
          <p:cNvPr id="10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0" y="1707311"/>
            <a:ext cx="12192000" cy="3324392"/>
          </a:xfrm>
        </p:spPr>
        <p:txBody>
          <a:bodyPr>
            <a:normAutofit/>
          </a:bodyPr>
          <a:lstStyle>
            <a:lvl1pPr marL="0" indent="0">
              <a:buNone/>
              <a:defRPr sz="900"/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here</a:t>
            </a:r>
            <a:endParaRPr lang="en-GB" dirty="0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8"/>
          </p:nvPr>
        </p:nvSpPr>
        <p:spPr>
          <a:xfrm>
            <a:off x="10081485" y="1707309"/>
            <a:ext cx="2110521" cy="2112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800"/>
            </a:lvl1pPr>
          </a:lstStyle>
          <a:p>
            <a:endParaRPr lang="en-GB" dirty="0"/>
          </a:p>
        </p:txBody>
      </p:sp>
      <p:pic>
        <p:nvPicPr>
          <p:cNvPr id="8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152080295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 slide with images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6839377" y="1710343"/>
            <a:ext cx="2616000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43023" name="Rectangle 15"/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586589" y="5117640"/>
            <a:ext cx="10995811" cy="503237"/>
          </a:xfr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891" indent="-342891">
              <a:buFont typeface="Arial" panose="020B0604020202020204" pitchFamily="34" charset="0"/>
              <a:buNone/>
              <a:defRPr lang="en-US" baseline="0" noProof="0" dirty="0">
                <a:solidFill>
                  <a:schemeClr val="tx2"/>
                </a:solidFill>
              </a:defRPr>
            </a:lvl1pPr>
          </a:lstStyle>
          <a:p>
            <a:pPr marL="0" lvl="0" indent="0">
              <a:lnSpc>
                <a:spcPct val="100000"/>
              </a:lnSpc>
            </a:pPr>
            <a:r>
              <a:rPr lang="en-US" noProof="0" dirty="0"/>
              <a:t>Click to edit subtitle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-1" y="1710343"/>
            <a:ext cx="4411352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0" name="Picture Placeholder 5"/>
          <p:cNvSpPr>
            <a:spLocks noGrp="1"/>
          </p:cNvSpPr>
          <p:nvPr>
            <p:ph type="pic" sz="quarter" idx="13"/>
          </p:nvPr>
        </p:nvSpPr>
        <p:spPr>
          <a:xfrm>
            <a:off x="4546516" y="3459537"/>
            <a:ext cx="2160000" cy="1579195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4546509" y="1710343"/>
            <a:ext cx="2160000" cy="1656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9579084" y="1710343"/>
            <a:ext cx="2616000" cy="33228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 sz="1000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Picture 27" descr="National_Grid_logo_blue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77583201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w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5" Type="http://schemas.openxmlformats.org/officeDocument/2006/relationships/image" Target="../media/image1.wmf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7.xml"/><Relationship Id="rId13" Type="http://schemas.openxmlformats.org/officeDocument/2006/relationships/slideLayout" Target="../slideLayouts/slideLayout42.xml"/><Relationship Id="rId3" Type="http://schemas.openxmlformats.org/officeDocument/2006/relationships/slideLayout" Target="../slideLayouts/slideLayout32.xml"/><Relationship Id="rId7" Type="http://schemas.openxmlformats.org/officeDocument/2006/relationships/slideLayout" Target="../slideLayouts/slideLayout36.xml"/><Relationship Id="rId12" Type="http://schemas.openxmlformats.org/officeDocument/2006/relationships/slideLayout" Target="../slideLayouts/slideLayout41.xml"/><Relationship Id="rId17" Type="http://schemas.openxmlformats.org/officeDocument/2006/relationships/image" Target="../media/image5.jpg"/><Relationship Id="rId2" Type="http://schemas.openxmlformats.org/officeDocument/2006/relationships/slideLayout" Target="../slideLayouts/slideLayout31.xml"/><Relationship Id="rId16" Type="http://schemas.openxmlformats.org/officeDocument/2006/relationships/theme" Target="../theme/theme3.xml"/><Relationship Id="rId1" Type="http://schemas.openxmlformats.org/officeDocument/2006/relationships/slideLayout" Target="../slideLayouts/slideLayout30.xml"/><Relationship Id="rId6" Type="http://schemas.openxmlformats.org/officeDocument/2006/relationships/slideLayout" Target="../slideLayouts/slideLayout35.xml"/><Relationship Id="rId11" Type="http://schemas.openxmlformats.org/officeDocument/2006/relationships/slideLayout" Target="../slideLayouts/slideLayout40.xml"/><Relationship Id="rId5" Type="http://schemas.openxmlformats.org/officeDocument/2006/relationships/slideLayout" Target="../slideLayouts/slideLayout34.xml"/><Relationship Id="rId15" Type="http://schemas.openxmlformats.org/officeDocument/2006/relationships/slideLayout" Target="../slideLayouts/slideLayout44.xml"/><Relationship Id="rId10" Type="http://schemas.openxmlformats.org/officeDocument/2006/relationships/slideLayout" Target="../slideLayouts/slideLayout39.xml"/><Relationship Id="rId4" Type="http://schemas.openxmlformats.org/officeDocument/2006/relationships/slideLayout" Target="../slideLayouts/slideLayout33.xml"/><Relationship Id="rId9" Type="http://schemas.openxmlformats.org/officeDocument/2006/relationships/slideLayout" Target="../slideLayouts/slideLayout38.xml"/><Relationship Id="rId14" Type="http://schemas.openxmlformats.org/officeDocument/2006/relationships/slideLayout" Target="../slideLayouts/slideLayout4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13" Type="http://schemas.openxmlformats.org/officeDocument/2006/relationships/slideLayout" Target="../slideLayouts/slideLayout57.xml"/><Relationship Id="rId18" Type="http://schemas.openxmlformats.org/officeDocument/2006/relationships/slideLayout" Target="../slideLayouts/slideLayout6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slideLayout" Target="../slideLayouts/slideLayout56.xml"/><Relationship Id="rId17" Type="http://schemas.openxmlformats.org/officeDocument/2006/relationships/slideLayout" Target="../slideLayouts/slideLayout61.xml"/><Relationship Id="rId2" Type="http://schemas.openxmlformats.org/officeDocument/2006/relationships/slideLayout" Target="../slideLayouts/slideLayout46.xml"/><Relationship Id="rId16" Type="http://schemas.openxmlformats.org/officeDocument/2006/relationships/slideLayout" Target="../slideLayouts/slideLayout60.xml"/><Relationship Id="rId20" Type="http://schemas.openxmlformats.org/officeDocument/2006/relationships/theme" Target="../theme/theme4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5" Type="http://schemas.openxmlformats.org/officeDocument/2006/relationships/slideLayout" Target="../slideLayouts/slideLayout59.xml"/><Relationship Id="rId10" Type="http://schemas.openxmlformats.org/officeDocument/2006/relationships/slideLayout" Target="../slideLayouts/slideLayout54.xml"/><Relationship Id="rId19" Type="http://schemas.openxmlformats.org/officeDocument/2006/relationships/slideLayout" Target="../slideLayouts/slideLayout63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Relationship Id="rId14" Type="http://schemas.openxmlformats.org/officeDocument/2006/relationships/slideLayout" Target="../slideLayouts/slideLayout58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1.xml"/><Relationship Id="rId13" Type="http://schemas.openxmlformats.org/officeDocument/2006/relationships/slideLayout" Target="../slideLayouts/slideLayout76.xml"/><Relationship Id="rId18" Type="http://schemas.openxmlformats.org/officeDocument/2006/relationships/image" Target="../media/image5.jpg"/><Relationship Id="rId3" Type="http://schemas.openxmlformats.org/officeDocument/2006/relationships/slideLayout" Target="../slideLayouts/slideLayout66.xml"/><Relationship Id="rId7" Type="http://schemas.openxmlformats.org/officeDocument/2006/relationships/slideLayout" Target="../slideLayouts/slideLayout70.xml"/><Relationship Id="rId12" Type="http://schemas.openxmlformats.org/officeDocument/2006/relationships/slideLayout" Target="../slideLayouts/slideLayout75.xml"/><Relationship Id="rId17" Type="http://schemas.openxmlformats.org/officeDocument/2006/relationships/theme" Target="../theme/theme5.xml"/><Relationship Id="rId2" Type="http://schemas.openxmlformats.org/officeDocument/2006/relationships/slideLayout" Target="../slideLayouts/slideLayout65.xml"/><Relationship Id="rId16" Type="http://schemas.openxmlformats.org/officeDocument/2006/relationships/slideLayout" Target="../slideLayouts/slideLayout79.xml"/><Relationship Id="rId1" Type="http://schemas.openxmlformats.org/officeDocument/2006/relationships/slideLayout" Target="../slideLayouts/slideLayout64.xml"/><Relationship Id="rId6" Type="http://schemas.openxmlformats.org/officeDocument/2006/relationships/slideLayout" Target="../slideLayouts/slideLayout69.xml"/><Relationship Id="rId11" Type="http://schemas.openxmlformats.org/officeDocument/2006/relationships/slideLayout" Target="../slideLayouts/slideLayout74.xml"/><Relationship Id="rId5" Type="http://schemas.openxmlformats.org/officeDocument/2006/relationships/slideLayout" Target="../slideLayouts/slideLayout68.xml"/><Relationship Id="rId15" Type="http://schemas.openxmlformats.org/officeDocument/2006/relationships/slideLayout" Target="../slideLayouts/slideLayout78.xml"/><Relationship Id="rId10" Type="http://schemas.openxmlformats.org/officeDocument/2006/relationships/slideLayout" Target="../slideLayouts/slideLayout73.xml"/><Relationship Id="rId4" Type="http://schemas.openxmlformats.org/officeDocument/2006/relationships/slideLayout" Target="../slideLayouts/slideLayout67.xml"/><Relationship Id="rId9" Type="http://schemas.openxmlformats.org/officeDocument/2006/relationships/slideLayout" Target="../slideLayouts/slideLayout72.xml"/><Relationship Id="rId14" Type="http://schemas.openxmlformats.org/officeDocument/2006/relationships/slideLayout" Target="../slideLayouts/slideLayout7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61696" y="46290"/>
            <a:ext cx="10081613" cy="6667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34" tIns="45718" rIns="91434" bIns="45718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88429" y="858981"/>
            <a:ext cx="10993971" cy="54864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27" descr="National_Grid_logo_blue"/>
          <p:cNvPicPr>
            <a:picLocks noChangeAspect="1" noChangeArrowheads="1"/>
          </p:cNvPicPr>
          <p:nvPr userDrawn="1"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03291" y="1044"/>
            <a:ext cx="1536000" cy="316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Connector 5"/>
          <p:cNvCxnSpPr/>
          <p:nvPr userDrawn="1"/>
        </p:nvCxnSpPr>
        <p:spPr>
          <a:xfrm>
            <a:off x="592589" y="661024"/>
            <a:ext cx="9950720" cy="0"/>
          </a:xfrm>
          <a:prstGeom prst="line">
            <a:avLst/>
          </a:prstGeom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5"/>
          <p:cNvSpPr txBox="1">
            <a:spLocks/>
          </p:cNvSpPr>
          <p:nvPr userDrawn="1"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143198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8" r:id="rId1"/>
    <p:sldLayoutId id="2147483679" r:id="rId2"/>
    <p:sldLayoutId id="2147483680" r:id="rId3"/>
    <p:sldLayoutId id="2147483681" r:id="rId4"/>
    <p:sldLayoutId id="2147483682" r:id="rId5"/>
    <p:sldLayoutId id="2147483683" r:id="rId6"/>
    <p:sldLayoutId id="2147483684" r:id="rId7"/>
    <p:sldLayoutId id="2147483685" r:id="rId8"/>
    <p:sldLayoutId id="2147483686" r:id="rId9"/>
    <p:sldLayoutId id="2147483687" r:id="rId10"/>
    <p:sldLayoutId id="2147483688" r:id="rId11"/>
    <p:sldLayoutId id="2147483689" r:id="rId12"/>
    <p:sldLayoutId id="2147483690" r:id="rId13"/>
    <p:sldLayoutId id="2147483691" r:id="rId14"/>
    <p:sldLayoutId id="2147483764" r:id="rId15"/>
    <p:sldLayoutId id="2147483765" r:id="rId16"/>
  </p:sldLayoutIdLst>
  <p:transition>
    <p:fade/>
  </p:transition>
  <p:hf sldNum="0"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733" b="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4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8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430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7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342858" indent="-342858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Wingdings 2" pitchFamily="18" charset="2"/>
        <a:buChar char="¾"/>
        <a:defRPr sz="2667">
          <a:solidFill>
            <a:schemeClr val="tx1"/>
          </a:solidFill>
          <a:latin typeface="+mn-lt"/>
          <a:ea typeface="+mn-ea"/>
          <a:cs typeface="+mn-cs"/>
        </a:defRPr>
      </a:lvl1pPr>
      <a:lvl2pPr marL="355558" indent="-261905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2400">
          <a:solidFill>
            <a:schemeClr val="tx1"/>
          </a:solidFill>
          <a:latin typeface="+mn-lt"/>
          <a:ea typeface="+mn-ea"/>
        </a:defRPr>
      </a:lvl2pPr>
      <a:lvl3pPr marL="626983" indent="-271429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2400">
          <a:solidFill>
            <a:schemeClr val="tx1"/>
          </a:solidFill>
          <a:latin typeface="+mn-lt"/>
          <a:ea typeface="+mn-ea"/>
        </a:defRPr>
      </a:lvl3pPr>
      <a:lvl4pPr marL="896828" indent="-269841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1867">
          <a:solidFill>
            <a:schemeClr val="tx1"/>
          </a:solidFill>
          <a:latin typeface="+mn-lt"/>
          <a:ea typeface="+mn-ea"/>
        </a:defRPr>
      </a:lvl4pPr>
      <a:lvl5pPr marL="1074605" indent="-17778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1467">
          <a:solidFill>
            <a:schemeClr val="tx1"/>
          </a:solidFill>
          <a:latin typeface="+mn-lt"/>
          <a:ea typeface="+mn-ea"/>
        </a:defRPr>
      </a:lvl5pPr>
      <a:lvl6pPr marL="2514286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6pPr>
      <a:lvl7pPr marL="2971430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7pPr>
      <a:lvl8pPr marL="3428573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8pPr>
      <a:lvl9pPr marL="3885718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4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86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3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57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18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858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0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14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  <p15:guide id="3" pos="271">
          <p15:clr>
            <a:srgbClr val="F26B43"/>
          </p15:clr>
        </p15:guide>
        <p15:guide id="4" pos="5472">
          <p15:clr>
            <a:srgbClr val="F26B43"/>
          </p15:clr>
        </p15:guide>
        <p15:guide id="5" orient="horz" pos="701">
          <p15:clr>
            <a:srgbClr val="F26B43"/>
          </p15:clr>
        </p15:guide>
        <p15:guide id="6" orient="horz" pos="3005">
          <p15:clr>
            <a:srgbClr val="F26B43"/>
          </p15:clr>
        </p15:guide>
        <p15:guide id="7" orient="horz" pos="572">
          <p15:clr>
            <a:srgbClr val="F26B43"/>
          </p15:clr>
        </p15:guide>
        <p15:guide id="8" pos="218">
          <p15:clr>
            <a:srgbClr val="F26B43"/>
          </p15:clr>
        </p15:guide>
        <p15:guide id="9" pos="3728">
          <p15:clr>
            <a:srgbClr val="F26B43"/>
          </p15:clr>
        </p15:guide>
        <p15:guide id="10" orient="horz" pos="803">
          <p15:clr>
            <a:srgbClr val="F26B43"/>
          </p15:clr>
        </p15:guide>
        <p15:guide id="11" orient="horz" pos="2386">
          <p15:clr>
            <a:srgbClr val="F26B43"/>
          </p15:clr>
        </p15:guide>
        <p15:guide id="12" pos="4438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61695" y="531203"/>
            <a:ext cx="11116476" cy="6667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34" tIns="45718" rIns="91434" bIns="45718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88429" y="1485901"/>
            <a:ext cx="10993971" cy="48594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34" tIns="45718" rIns="91434" bIns="4571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27" descr="National_Grid_logo_blue"/>
          <p:cNvPicPr>
            <a:picLocks noChangeAspect="1" noChangeArrowheads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7330" y="236571"/>
            <a:ext cx="1857121" cy="3831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Connector 5"/>
          <p:cNvCxnSpPr/>
          <p:nvPr/>
        </p:nvCxnSpPr>
        <p:spPr>
          <a:xfrm>
            <a:off x="592589" y="1187501"/>
            <a:ext cx="10985579" cy="0"/>
          </a:xfrm>
          <a:prstGeom prst="line">
            <a:avLst/>
          </a:prstGeom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5"/>
          <p:cNvSpPr txBox="1">
            <a:spLocks/>
          </p:cNvSpPr>
          <p:nvPr/>
        </p:nvSpPr>
        <p:spPr>
          <a:xfrm>
            <a:off x="11340861" y="6371168"/>
            <a:ext cx="851140" cy="486833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800" smtClean="0"/>
              <a:pPr/>
              <a:t>‹#›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6805646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</p:sldLayoutIdLst>
  <p:transition>
    <p:fade/>
  </p:transition>
  <p:txStyles>
    <p:titleStyle>
      <a:lvl1pPr algn="l" rtl="0" eaLnBrk="1" fontAlgn="base" hangingPunct="1">
        <a:spcBef>
          <a:spcPct val="0"/>
        </a:spcBef>
        <a:spcAft>
          <a:spcPct val="0"/>
        </a:spcAft>
        <a:defRPr sz="3733" b="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4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8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430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7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342858" indent="-342858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Wingdings 2" pitchFamily="18" charset="2"/>
        <a:buChar char="¾"/>
        <a:defRPr sz="2667">
          <a:solidFill>
            <a:schemeClr val="tx1"/>
          </a:solidFill>
          <a:latin typeface="+mn-lt"/>
          <a:ea typeface="+mn-ea"/>
          <a:cs typeface="+mn-cs"/>
        </a:defRPr>
      </a:lvl1pPr>
      <a:lvl2pPr marL="355558" indent="-261905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2400">
          <a:solidFill>
            <a:schemeClr val="tx1"/>
          </a:solidFill>
          <a:latin typeface="+mn-lt"/>
          <a:ea typeface="+mn-ea"/>
        </a:defRPr>
      </a:lvl2pPr>
      <a:lvl3pPr marL="626983" indent="-271429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2400">
          <a:solidFill>
            <a:schemeClr val="tx1"/>
          </a:solidFill>
          <a:latin typeface="+mn-lt"/>
          <a:ea typeface="+mn-ea"/>
        </a:defRPr>
      </a:lvl3pPr>
      <a:lvl4pPr marL="896828" indent="-269841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1867">
          <a:solidFill>
            <a:schemeClr val="tx1"/>
          </a:solidFill>
          <a:latin typeface="+mn-lt"/>
          <a:ea typeface="+mn-ea"/>
        </a:defRPr>
      </a:lvl4pPr>
      <a:lvl5pPr marL="1074605" indent="-17778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Lucida Grande"/>
        <a:buChar char="–"/>
        <a:defRPr sz="1467">
          <a:solidFill>
            <a:schemeClr val="tx1"/>
          </a:solidFill>
          <a:latin typeface="+mn-lt"/>
          <a:ea typeface="+mn-ea"/>
        </a:defRPr>
      </a:lvl5pPr>
      <a:lvl6pPr marL="2514286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6pPr>
      <a:lvl7pPr marL="2971430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7pPr>
      <a:lvl8pPr marL="3428573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8pPr>
      <a:lvl9pPr marL="3885718" indent="-228573" algn="l" rtl="0" eaLnBrk="1" fontAlgn="base" hangingPunct="1">
        <a:spcBef>
          <a:spcPct val="0"/>
        </a:spcBef>
        <a:spcAft>
          <a:spcPct val="50000"/>
        </a:spcAft>
        <a:buClr>
          <a:srgbClr val="0079C1"/>
        </a:buClr>
        <a:buFont typeface="Wingdings 2" pitchFamily="18" charset="2"/>
        <a:buChar char="¾"/>
        <a:defRPr sz="1600">
          <a:solidFill>
            <a:schemeClr val="tx2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4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86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3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57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18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858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00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143" algn="l" defTabSz="914286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  <p15:guide id="3" pos="271">
          <p15:clr>
            <a:srgbClr val="F26B43"/>
          </p15:clr>
        </p15:guide>
        <p15:guide id="4" pos="5472">
          <p15:clr>
            <a:srgbClr val="F26B43"/>
          </p15:clr>
        </p15:guide>
        <p15:guide id="5" orient="horz" pos="701">
          <p15:clr>
            <a:srgbClr val="F26B43"/>
          </p15:clr>
        </p15:guide>
        <p15:guide id="6" orient="horz" pos="3005">
          <p15:clr>
            <a:srgbClr val="F26B43"/>
          </p15:clr>
        </p15:guide>
        <p15:guide id="7" orient="horz" pos="572">
          <p15:clr>
            <a:srgbClr val="F26B43"/>
          </p15:clr>
        </p15:guide>
        <p15:guide id="8" pos="218">
          <p15:clr>
            <a:srgbClr val="F26B43"/>
          </p15:clr>
        </p15:guide>
        <p15:guide id="9" pos="3728">
          <p15:clr>
            <a:srgbClr val="F26B43"/>
          </p15:clr>
        </p15:guide>
        <p15:guide id="10" orient="horz" pos="803">
          <p15:clr>
            <a:srgbClr val="F26B43"/>
          </p15:clr>
        </p15:guide>
        <p15:guide id="11" orient="horz" pos="2386">
          <p15:clr>
            <a:srgbClr val="F26B43"/>
          </p15:clr>
        </p15:guide>
        <p15:guide id="12" pos="4438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5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4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0" y="6387766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 dirty="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15559" y="6370950"/>
            <a:ext cx="7624779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51" algn="l"/>
              </a:tabLst>
            </a:pPr>
            <a:r>
              <a:rPr lang="fr-FR" dirty="0"/>
              <a:t>| [Insert </a:t>
            </a:r>
            <a:r>
              <a:rPr lang="fr-FR" dirty="0" err="1"/>
              <a:t>documet</a:t>
            </a:r>
            <a:r>
              <a:rPr lang="fr-FR" dirty="0"/>
              <a:t> </a:t>
            </a:r>
            <a:r>
              <a:rPr lang="fr-FR" dirty="0" err="1"/>
              <a:t>title</a:t>
            </a:r>
            <a:r>
              <a:rPr lang="fr-FR" dirty="0"/>
              <a:t>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430373" y="6320567"/>
            <a:ext cx="2974979" cy="353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89934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8" r:id="rId1"/>
    <p:sldLayoutId id="2147483709" r:id="rId2"/>
    <p:sldLayoutId id="2147483710" r:id="rId3"/>
    <p:sldLayoutId id="2147483711" r:id="rId4"/>
    <p:sldLayoutId id="2147483712" r:id="rId5"/>
    <p:sldLayoutId id="2147483713" r:id="rId6"/>
    <p:sldLayoutId id="2147483714" r:id="rId7"/>
    <p:sldLayoutId id="2147483715" r:id="rId8"/>
    <p:sldLayoutId id="2147483716" r:id="rId9"/>
    <p:sldLayoutId id="2147483717" r:id="rId10"/>
    <p:sldLayoutId id="2147483718" r:id="rId11"/>
    <p:sldLayoutId id="2147483719" r:id="rId12"/>
    <p:sldLayoutId id="2147483720" r:id="rId13"/>
    <p:sldLayoutId id="2147483721" r:id="rId14"/>
    <p:sldLayoutId id="2147483722" r:id="rId15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4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8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430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7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91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575735" y="361387"/>
            <a:ext cx="11040533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75735" y="1412481"/>
            <a:ext cx="11040533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 dirty="0"/>
              <a:t>Heading 1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0896852" y="6352054"/>
            <a:ext cx="712377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 dirty="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791811" y="6352054"/>
            <a:ext cx="8730140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575734" y="6352054"/>
            <a:ext cx="1216077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989013" algn="l"/>
              </a:tabLst>
            </a:pPr>
            <a:r>
              <a:rPr lang="fr-FR" sz="1100" b="1" dirty="0"/>
              <a:t>National Grid </a:t>
            </a:r>
          </a:p>
        </p:txBody>
      </p:sp>
    </p:spTree>
    <p:extLst>
      <p:ext uri="{BB962C8B-B14F-4D97-AF65-F5344CB8AC3E}">
        <p14:creationId xmlns:p14="http://schemas.microsoft.com/office/powerpoint/2010/main" val="29950772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6" r:id="rId1"/>
    <p:sldLayoutId id="2147483727" r:id="rId2"/>
    <p:sldLayoutId id="2147483728" r:id="rId3"/>
    <p:sldLayoutId id="2147483729" r:id="rId4"/>
    <p:sldLayoutId id="2147483730" r:id="rId5"/>
    <p:sldLayoutId id="2147483731" r:id="rId6"/>
    <p:sldLayoutId id="2147483732" r:id="rId7"/>
    <p:sldLayoutId id="2147483733" r:id="rId8"/>
    <p:sldLayoutId id="2147483734" r:id="rId9"/>
    <p:sldLayoutId id="2147483735" r:id="rId10"/>
    <p:sldLayoutId id="2147483736" r:id="rId11"/>
    <p:sldLayoutId id="2147483737" r:id="rId12"/>
    <p:sldLayoutId id="2147483738" r:id="rId13"/>
    <p:sldLayoutId id="2147483739" r:id="rId14"/>
    <p:sldLayoutId id="2147483740" r:id="rId15"/>
    <p:sldLayoutId id="2147483741" r:id="rId16"/>
    <p:sldLayoutId id="2147483742" r:id="rId17"/>
    <p:sldLayoutId id="2147483743" r:id="rId18"/>
    <p:sldLayoutId id="2147483744" r:id="rId19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488">
          <p15:clr>
            <a:srgbClr val="F26B43"/>
          </p15:clr>
        </p15:guide>
        <p15:guide id="6" orient="horz" pos="3793">
          <p15:clr>
            <a:srgbClr val="F26B43"/>
          </p15:clr>
        </p15:guide>
        <p15:guide id="8" pos="272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414">
          <p15:clr>
            <a:srgbClr val="F26B43"/>
          </p15:clr>
        </p15:guide>
        <p15:guide id="15" orient="horz" pos="889">
          <p15:clr>
            <a:srgbClr val="F26B43"/>
          </p15:clr>
        </p15:guide>
        <p15:guide id="16" pos="2064">
          <p15:clr>
            <a:srgbClr val="F26B43"/>
          </p15:clr>
        </p15:guide>
        <p15:guide id="17" pos="3855">
          <p15:clr>
            <a:srgbClr val="F26B43"/>
          </p15:clr>
        </p15:guide>
        <p15:guide id="18" pos="3696">
          <p15:clr>
            <a:srgbClr val="F26B43"/>
          </p15:clr>
        </p15:guide>
        <p15:guide id="19" pos="1905">
          <p15:clr>
            <a:srgbClr val="F26B43"/>
          </p15:clr>
        </p15:guide>
        <p15:guide id="20" orient="horz" pos="3997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430373" y="356765"/>
            <a:ext cx="11329827" cy="574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30374" y="1411818"/>
            <a:ext cx="11331253" cy="48013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11049250" y="6387766"/>
            <a:ext cx="712377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467" smtClean="0">
                <a:solidFill>
                  <a:schemeClr val="accent1"/>
                </a:solidFill>
              </a:rPr>
              <a:pPr/>
              <a:t>‹#›</a:t>
            </a:fld>
            <a:endParaRPr lang="en-GB" sz="1467" dirty="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15559" y="6370950"/>
            <a:ext cx="7624779" cy="22576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467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1318651" algn="l"/>
              </a:tabLst>
            </a:pPr>
            <a:r>
              <a:rPr lang="fr-FR" dirty="0"/>
              <a:t>| [Insert </a:t>
            </a:r>
            <a:r>
              <a:rPr lang="fr-FR" dirty="0" err="1"/>
              <a:t>documet</a:t>
            </a:r>
            <a:r>
              <a:rPr lang="fr-FR" dirty="0"/>
              <a:t> </a:t>
            </a:r>
            <a:r>
              <a:rPr lang="fr-FR" dirty="0" err="1"/>
              <a:t>title</a:t>
            </a:r>
            <a:r>
              <a:rPr lang="fr-FR" dirty="0"/>
              <a:t>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430373" y="6320567"/>
            <a:ext cx="2974979" cy="353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892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6" r:id="rId1"/>
    <p:sldLayoutId id="2147483747" r:id="rId2"/>
    <p:sldLayoutId id="2147483748" r:id="rId3"/>
    <p:sldLayoutId id="2147483749" r:id="rId4"/>
    <p:sldLayoutId id="2147483750" r:id="rId5"/>
    <p:sldLayoutId id="2147483751" r:id="rId6"/>
    <p:sldLayoutId id="2147483752" r:id="rId7"/>
    <p:sldLayoutId id="2147483753" r:id="rId8"/>
    <p:sldLayoutId id="2147483754" r:id="rId9"/>
    <p:sldLayoutId id="2147483755" r:id="rId10"/>
    <p:sldLayoutId id="2147483756" r:id="rId11"/>
    <p:sldLayoutId id="2147483757" r:id="rId12"/>
    <p:sldLayoutId id="2147483758" r:id="rId13"/>
    <p:sldLayoutId id="2147483759" r:id="rId14"/>
    <p:sldLayoutId id="2147483760" r:id="rId15"/>
    <p:sldLayoutId id="2147483761" r:id="rId16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45714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914286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371430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828573"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4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2133">
          <a:solidFill>
            <a:schemeClr val="tx1"/>
          </a:solidFill>
          <a:latin typeface="+mn-lt"/>
          <a:ea typeface="+mn-ea"/>
        </a:defRPr>
      </a:lvl2pPr>
      <a:lvl3pPr marL="359991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•"/>
        <a:defRPr sz="2133">
          <a:solidFill>
            <a:schemeClr val="tx1"/>
          </a:solidFill>
          <a:latin typeface="+mn-lt"/>
          <a:ea typeface="+mn-ea"/>
        </a:defRPr>
      </a:lvl3pPr>
      <a:lvl4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-"/>
        <a:defRPr sz="2133">
          <a:solidFill>
            <a:schemeClr val="tx1"/>
          </a:solidFill>
          <a:latin typeface="+mn-lt"/>
          <a:ea typeface="+mn-ea"/>
        </a:defRPr>
      </a:lvl4pPr>
      <a:lvl5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◦"/>
        <a:defRPr sz="2133">
          <a:solidFill>
            <a:schemeClr val="tx1"/>
          </a:solidFill>
          <a:latin typeface="+mn-lt"/>
          <a:ea typeface="+mn-ea"/>
        </a:defRPr>
      </a:lvl5pPr>
      <a:lvl6pPr marL="0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rabicPeriod"/>
        <a:defRPr sz="2133">
          <a:solidFill>
            <a:schemeClr val="tx1"/>
          </a:solidFill>
          <a:latin typeface="+mn-lt"/>
          <a:ea typeface="+mn-ea"/>
        </a:defRPr>
      </a:lvl6pPr>
      <a:lvl7pPr marL="719982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alphaLcPeriod"/>
        <a:defRPr sz="2133">
          <a:solidFill>
            <a:schemeClr val="tx1"/>
          </a:solidFill>
          <a:latin typeface="+mn-lt"/>
          <a:ea typeface="+mn-ea"/>
        </a:defRPr>
      </a:lvl7pPr>
      <a:lvl8pPr marL="1079973" indent="-359991" algn="l" rtl="0" eaLnBrk="1" fontAlgn="base" hangingPunct="1">
        <a:spcBef>
          <a:spcPct val="0"/>
        </a:spcBef>
        <a:spcAft>
          <a:spcPts val="1600"/>
        </a:spcAft>
        <a:buClr>
          <a:schemeClr val="accent1"/>
        </a:buClr>
        <a:buFont typeface="+mj-lt"/>
        <a:buAutoNum type="romanLcPeriod"/>
        <a:defRPr sz="2133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600"/>
        </a:spcAft>
        <a:buClr>
          <a:schemeClr val="tx1"/>
        </a:buClr>
        <a:buFontTx/>
        <a:buNone/>
        <a:defRPr sz="32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239994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479988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719982" indent="-239994" algn="l" rtl="0" eaLnBrk="1" fontAlgn="base" hangingPunct="1">
        <a:spcBef>
          <a:spcPct val="0"/>
        </a:spcBef>
        <a:spcAft>
          <a:spcPts val="8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800"/>
        </a:spcAft>
        <a:buClr>
          <a:schemeClr val="tx1"/>
        </a:buClr>
        <a:buFontTx/>
        <a:buNone/>
        <a:defRPr sz="16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>
          <p15:clr>
            <a:srgbClr val="F26B43"/>
          </p15:clr>
        </p15:guide>
        <p15:guide id="4" pos="5556">
          <p15:clr>
            <a:srgbClr val="F26B43"/>
          </p15:clr>
        </p15:guide>
        <p15:guide id="6" orient="horz" pos="2845">
          <p15:clr>
            <a:srgbClr val="F26B43"/>
          </p15:clr>
        </p15:guide>
        <p15:guide id="8" pos="204">
          <p15:clr>
            <a:srgbClr val="F26B43"/>
          </p15:clr>
        </p15:guide>
        <p15:guide id="13" pos="2993">
          <p15:clr>
            <a:srgbClr val="F26B43"/>
          </p15:clr>
        </p15:guide>
        <p15:guide id="14" orient="horz" pos="350">
          <p15:clr>
            <a:srgbClr val="F26B43"/>
          </p15:clr>
        </p15:guide>
        <p15:guide id="15" orient="horz" pos="667">
          <p15:clr>
            <a:srgbClr val="F26B43"/>
          </p15:clr>
        </p15:guide>
        <p15:guide id="16" pos="2064">
          <p15:clr>
            <a:srgbClr val="F26B43"/>
          </p15:clr>
        </p15:guide>
        <p15:guide id="17" pos="3923">
          <p15:clr>
            <a:srgbClr val="F26B43"/>
          </p15:clr>
        </p15:guide>
        <p15:guide id="18" pos="3696">
          <p15:clr>
            <a:srgbClr val="F26B43"/>
          </p15:clr>
        </p15:guide>
        <p15:guide id="19" pos="1837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notesSlide" Target="../notesSlides/notesSlide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CF540565-0E9B-4ACD-9959-68FEE8DC9FBE}"/>
              </a:ext>
            </a:extLst>
          </p:cNvPr>
          <p:cNvSpPr txBox="1"/>
          <p:nvPr/>
        </p:nvSpPr>
        <p:spPr>
          <a:xfrm>
            <a:off x="355600" y="1069802"/>
            <a:ext cx="11480800" cy="57861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b="1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Justification &amp; Need </a:t>
            </a:r>
            <a:r>
              <a:rPr lang="en-US" sz="1200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:  A Master Data Management platform is needed to allow optimal use of master data and mitigate the conservative estimate of $70+M cost of bad data</a:t>
            </a:r>
          </a:p>
          <a:p>
            <a:pPr marL="685800" lvl="1" indent="-228600">
              <a:buClr>
                <a:srgbClr val="000000"/>
              </a:buClr>
              <a:buFont typeface="+mj-lt"/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Improved Data Quality: </a:t>
            </a:r>
            <a:r>
              <a:rPr lang="en-US" sz="1200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streamline data, eliminate bad data, ensure consistency and uniformity, making business processes more efficient and effective</a:t>
            </a:r>
            <a:endParaRPr lang="en-US" sz="1200" b="1" dirty="0">
              <a:solidFill>
                <a:srgbClr val="1F232A"/>
              </a:solidFill>
              <a:latin typeface="Calibri" panose="020F0502020204030204" pitchFamily="34" charset="0"/>
              <a:ea typeface="ＭＳ Ｐゴシック" pitchFamily="48" charset="-128"/>
            </a:endParaRPr>
          </a:p>
          <a:p>
            <a:pPr marL="685800" lvl="1" indent="-228600">
              <a:buClr>
                <a:srgbClr val="000000"/>
              </a:buClr>
              <a:buFont typeface="+mj-lt"/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Reduce Time and Cost</a:t>
            </a:r>
            <a:r>
              <a:rPr lang="en-US" sz="1200" kern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pitchFamily="48" charset="-128"/>
                <a:cs typeface="Arial"/>
              </a:rPr>
              <a:t>: automate data management processes, reducing data management and processing costs</a:t>
            </a:r>
          </a:p>
          <a:p>
            <a:pPr marL="685800" lvl="1" indent="-228600">
              <a:buClr>
                <a:srgbClr val="000000"/>
              </a:buClr>
              <a:buFont typeface="+mj-lt"/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Increased Data Accuracy: </a:t>
            </a:r>
            <a:r>
              <a:rPr lang="en-US" sz="1200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reduce risk of data accuracy by pruning duplication and inconsistencies in data</a:t>
            </a:r>
            <a:endParaRPr lang="en-US" altLang="en-US" sz="1200" kern="0" dirty="0">
              <a:solidFill>
                <a:srgbClr val="000000"/>
              </a:solidFill>
              <a:latin typeface="Calibri" panose="020F0502020204030204" pitchFamily="34" charset="0"/>
              <a:ea typeface="ＭＳ Ｐゴシック" pitchFamily="48" charset="-128"/>
              <a:cs typeface="Arial"/>
            </a:endParaRPr>
          </a:p>
          <a:p>
            <a:pPr marL="685800" lvl="1" indent="-228600">
              <a:buClr>
                <a:srgbClr val="000000"/>
              </a:buClr>
              <a:buFont typeface="+mj-lt"/>
              <a:buAutoNum type="arabicPeriod"/>
              <a:defRPr/>
            </a:pPr>
            <a:r>
              <a:rPr lang="en-GB" sz="1200" b="1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Better Data Compliance: </a:t>
            </a:r>
            <a:r>
              <a:rPr lang="en-US" sz="1200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 Decreases the chances of security breaches and regulatory non-compliance which may lead to penalties and loss of reputation.</a:t>
            </a:r>
          </a:p>
          <a:p>
            <a:pPr marL="685800" lvl="1" indent="-228600">
              <a:buClr>
                <a:srgbClr val="000000"/>
              </a:buClr>
              <a:buFont typeface="+mj-lt"/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Informed Decision Making:</a:t>
            </a:r>
            <a:r>
              <a:rPr lang="en-US" sz="1200" dirty="0">
                <a:solidFill>
                  <a:srgbClr val="1F232A"/>
                </a:solidFill>
                <a:latin typeface="Calibri" panose="020F0502020204030204" pitchFamily="34" charset="0"/>
                <a:ea typeface="ＭＳ Ｐゴシック" pitchFamily="48" charset="-128"/>
              </a:rPr>
              <a:t> Helps the leadership, senior management, and middle management to make informed decisions.</a:t>
            </a:r>
          </a:p>
          <a:p>
            <a:pPr marL="685800" lvl="1" indent="-228600">
              <a:buClr>
                <a:srgbClr val="000000"/>
              </a:buClr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/>
                <a:cs typeface="Calibri"/>
              </a:rPr>
              <a:t>Reduce Technical Debt</a:t>
            </a:r>
            <a:r>
              <a:rPr lang="en-US" sz="1200" b="1" dirty="0">
                <a:latin typeface="Calibri"/>
                <a:cs typeface="Calibri"/>
              </a:rPr>
              <a:t>:</a:t>
            </a:r>
            <a:r>
              <a:rPr lang="en-US" sz="1200" dirty="0">
                <a:latin typeface="Calibri"/>
                <a:cs typeface="Calibri"/>
              </a:rPr>
              <a:t> </a:t>
            </a:r>
            <a:r>
              <a:rPr lang="en-US" sz="1200" dirty="0">
                <a:solidFill>
                  <a:srgbClr val="1F232A"/>
                </a:solidFill>
                <a:latin typeface="Calibri"/>
                <a:cs typeface="Calibri"/>
              </a:rPr>
              <a:t>By building enterprise multi-domain master data repository in MDM platform, it provides consistent unified data access for all downstream systems</a:t>
            </a:r>
          </a:p>
          <a:p>
            <a:pPr marL="685800" lvl="1" indent="-228600">
              <a:buClr>
                <a:srgbClr val="000000"/>
              </a:buClr>
              <a:buAutoNum type="arabicPeriod"/>
              <a:defRPr/>
            </a:pPr>
            <a:r>
              <a:rPr lang="en-US" sz="1200" b="1" dirty="0">
                <a:solidFill>
                  <a:srgbClr val="1F232A"/>
                </a:solidFill>
                <a:latin typeface="Calibri"/>
                <a:cs typeface="Calibri"/>
              </a:rPr>
              <a:t>CDO Strategy: </a:t>
            </a:r>
            <a:r>
              <a:rPr lang="en-US" sz="1200" dirty="0">
                <a:solidFill>
                  <a:srgbClr val="1F232A"/>
                </a:solidFill>
                <a:latin typeface="Calibri"/>
                <a:cs typeface="Calibri"/>
              </a:rPr>
              <a:t>Supports recommendations made to and agreed to by Group Exec in May ‘20</a:t>
            </a:r>
          </a:p>
          <a:p>
            <a:pPr marL="17145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b="1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What’s Been Done</a:t>
            </a:r>
            <a:r>
              <a:rPr lang="en-US" sz="1200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:</a:t>
            </a:r>
            <a:r>
              <a:rPr lang="en-US" sz="1200" kern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pitchFamily="48" charset="-128"/>
                <a:cs typeface="Arial"/>
                <a:sym typeface="Arial"/>
              </a:rPr>
              <a:t> Capability Matrix; Product Demos; Evaluation Criteria; Selected top 2 vendors; Initial Security assessment</a:t>
            </a:r>
            <a:endParaRPr lang="en-US" sz="1200" dirty="0">
              <a:solidFill>
                <a:srgbClr val="1F232A"/>
              </a:solidFill>
              <a:latin typeface="Calibri" panose="020F0502020204030204" pitchFamily="34" charset="0"/>
              <a:ea typeface="ＭＳ Ｐゴシック" pitchFamily="48" charset="-128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GB" sz="800" dirty="0">
              <a:solidFill>
                <a:srgbClr val="1F232A"/>
              </a:solidFill>
              <a:highlight>
                <a:srgbClr val="FFFF00"/>
              </a:highlight>
              <a:latin typeface="Calibri" panose="020F0502020204030204" pitchFamily="34" charset="0"/>
              <a:ea typeface="ＭＳ Ｐゴシック" pitchFamily="48" charset="-128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b="1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Financials</a:t>
            </a:r>
            <a:r>
              <a:rPr lang="en-US" sz="1200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: </a:t>
            </a: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lvl="0">
              <a:buClr>
                <a:srgbClr val="000000"/>
              </a:buClr>
              <a:defRPr/>
            </a:pPr>
            <a:endParaRPr lang="en-US" sz="4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lvl="0">
              <a:buClr>
                <a:srgbClr val="000000"/>
              </a:buClr>
              <a:defRPr/>
            </a:pPr>
            <a:endParaRPr lang="en-US" sz="1200" b="1" kern="0" dirty="0">
              <a:solidFill>
                <a:srgbClr val="000000"/>
              </a:solidFill>
              <a:latin typeface="Calibri" panose="020F0502020204030204" pitchFamily="34" charset="0"/>
              <a:cs typeface="Arial"/>
              <a:sym typeface="Arial"/>
            </a:endParaRPr>
          </a:p>
          <a:p>
            <a:pPr marL="171450" lvl="0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b="1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Risks &amp; Assumptions</a:t>
            </a:r>
            <a:r>
              <a:rPr lang="en-US" sz="1200" kern="0" dirty="0">
                <a:solidFill>
                  <a:srgbClr val="000000"/>
                </a:solidFill>
                <a:latin typeface="Calibri" panose="020F0502020204030204" pitchFamily="34" charset="0"/>
                <a:cs typeface="Arial"/>
                <a:sym typeface="Arial"/>
              </a:rPr>
              <a:t>:</a:t>
            </a:r>
          </a:p>
          <a:p>
            <a:pPr marL="628650" lvl="1" indent="-171450"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kern="0" dirty="0">
                <a:solidFill>
                  <a:srgbClr val="00B050"/>
                </a:solidFill>
                <a:latin typeface="Calibri"/>
                <a:cs typeface="Arial"/>
                <a:sym typeface="Arial"/>
              </a:rPr>
              <a:t>Upside</a:t>
            </a:r>
            <a:r>
              <a:rPr lang="en-US" sz="1200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:  Timely implementation of MDM capabilities will result in immediate benefit to new and existing demand</a:t>
            </a:r>
            <a:endParaRPr lang="en-US" sz="1200" kern="0" dirty="0">
              <a:solidFill>
                <a:srgbClr val="000000"/>
              </a:solidFill>
              <a:latin typeface="Calibri"/>
              <a:cs typeface="Arial"/>
            </a:endParaRPr>
          </a:p>
          <a:p>
            <a:pPr marL="628650" lvl="1" indent="-171450">
              <a:spcBef>
                <a:spcPts val="3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kern="0" dirty="0">
                <a:solidFill>
                  <a:srgbClr val="00B050"/>
                </a:solidFill>
                <a:latin typeface="Calibri"/>
                <a:cs typeface="Arial"/>
                <a:sym typeface="Arial"/>
              </a:rPr>
              <a:t>Upside</a:t>
            </a:r>
            <a:r>
              <a:rPr lang="en-US" sz="1200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:  Above estimates shows IT benefits only. Business benefits may also be realized which can increase overall benefits</a:t>
            </a:r>
          </a:p>
          <a:p>
            <a:pPr marL="628650" lvl="1" indent="-171450">
              <a:spcBef>
                <a:spcPts val="3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kern="0" dirty="0">
                <a:solidFill>
                  <a:srgbClr val="00B050"/>
                </a:solidFill>
                <a:latin typeface="Calibri"/>
                <a:cs typeface="Arial"/>
                <a:sym typeface="Arial"/>
              </a:rPr>
              <a:t>Upside</a:t>
            </a:r>
            <a:r>
              <a:rPr lang="en-US" sz="1200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:  Domains requiring MDM capabilities will contribute to on-going RTB costs shortly after standing up the capability</a:t>
            </a:r>
            <a:endParaRPr lang="en-US" sz="1200" kern="0" dirty="0">
              <a:solidFill>
                <a:srgbClr val="000000"/>
              </a:solidFill>
              <a:latin typeface="Calibri"/>
              <a:cs typeface="Arial"/>
            </a:endParaRPr>
          </a:p>
          <a:p>
            <a:pPr marL="628650" lvl="1" indent="-171450">
              <a:spcBef>
                <a:spcPts val="3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b="1" dirty="0">
                <a:solidFill>
                  <a:schemeClr val="tx1">
                    <a:lumMod val="50000"/>
                  </a:schemeClr>
                </a:solidFill>
                <a:latin typeface="Calibri"/>
                <a:cs typeface="Calibri"/>
              </a:rPr>
              <a:t>Neutral: </a:t>
            </a:r>
            <a:r>
              <a:rPr lang="en-US" sz="1200" dirty="0">
                <a:solidFill>
                  <a:schemeClr val="tx1">
                    <a:lumMod val="50000"/>
                  </a:schemeClr>
                </a:solidFill>
                <a:latin typeface="Calibri"/>
                <a:cs typeface="Calibri"/>
              </a:rPr>
              <a:t>These are early cost estimates. Variance to actuals could be in the range of -50% to +200%</a:t>
            </a:r>
          </a:p>
          <a:p>
            <a:pPr marL="628650" lvl="1" indent="-171450">
              <a:spcBef>
                <a:spcPts val="3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200" kern="0" dirty="0">
                <a:solidFill>
                  <a:srgbClr val="FF0000"/>
                </a:solidFill>
                <a:latin typeface="Calibri"/>
                <a:cs typeface="Arial"/>
                <a:sym typeface="Arial"/>
              </a:rPr>
              <a:t>Downside</a:t>
            </a:r>
            <a:r>
              <a:rPr lang="en-US" sz="1200" kern="0" dirty="0">
                <a:solidFill>
                  <a:srgbClr val="000000"/>
                </a:solidFill>
                <a:latin typeface="Calibri"/>
                <a:cs typeface="Arial"/>
                <a:sym typeface="Arial"/>
              </a:rPr>
              <a:t>:  Implementation will put a temporary strain on the Data Management team</a:t>
            </a:r>
            <a:endParaRPr lang="en-US" sz="1200" dirty="0">
              <a:solidFill>
                <a:srgbClr val="1F232A"/>
              </a:solidFill>
              <a:latin typeface="Calibri"/>
              <a:ea typeface="ＭＳ Ｐゴシック" pitchFamily="48" charset="-128"/>
              <a:sym typeface="Arial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8EE78DD-3B1A-4343-9491-B4452E42D99D}"/>
              </a:ext>
            </a:extLst>
          </p:cNvPr>
          <p:cNvSpPr txBox="1"/>
          <p:nvPr/>
        </p:nvSpPr>
        <p:spPr>
          <a:xfrm>
            <a:off x="355600" y="175052"/>
            <a:ext cx="9423400" cy="9233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34" tIns="45718" rIns="91434" bIns="45718" numCol="1" anchor="b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 sz="3733" b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43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86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430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73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600" b="0" i="0" u="none" strike="noStrike" kern="1200" cap="none" spc="0" normalizeH="0" baseline="0" noProof="0" dirty="0">
                <a:ln>
                  <a:noFill/>
                </a:ln>
                <a:solidFill>
                  <a:srgbClr val="0079C1"/>
                </a:solidFill>
                <a:effectLst/>
                <a:uLnTx/>
                <a:uFillTx/>
                <a:latin typeface="Arial"/>
                <a:ea typeface="ＭＳ Ｐゴシック"/>
                <a:cs typeface="+mj-cs"/>
              </a:rPr>
              <a:t>Business Cas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0079C1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/>
                <a:cs typeface="+mj-cs"/>
              </a:rPr>
              <a:t>Master Data Management</a:t>
            </a:r>
            <a:endParaRPr kumimoji="0" lang="en-US" sz="2600" b="0" i="0" u="none" strike="noStrike" kern="1200" cap="none" spc="0" normalizeH="0" baseline="0" noProof="0" dirty="0">
              <a:ln>
                <a:noFill/>
              </a:ln>
              <a:solidFill>
                <a:srgbClr val="0079C1"/>
              </a:solidFill>
              <a:effectLst/>
              <a:uLnTx/>
              <a:uFillTx/>
              <a:latin typeface="Arial"/>
              <a:ea typeface="ＭＳ Ｐゴシック"/>
              <a:cs typeface="+mj-cs"/>
            </a:endParaRP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6AA74D9-2D5E-4C0B-B212-3CD96793814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29985001"/>
              </p:ext>
            </p:extLst>
          </p:nvPr>
        </p:nvGraphicFramePr>
        <p:xfrm>
          <a:off x="772848" y="3276735"/>
          <a:ext cx="7734300" cy="2012950"/>
        </p:xfrm>
        <a:graphic>
          <a:graphicData uri="http://schemas.openxmlformats.org/drawingml/2006/table">
            <a:tbl>
              <a:tblPr/>
              <a:tblGrid>
                <a:gridCol w="2247900">
                  <a:extLst>
                    <a:ext uri="{9D8B030D-6E8A-4147-A177-3AD203B41FA5}">
                      <a16:colId xmlns:a16="http://schemas.microsoft.com/office/drawing/2014/main" val="2699761390"/>
                    </a:ext>
                  </a:extLst>
                </a:gridCol>
                <a:gridCol w="904148">
                  <a:extLst>
                    <a:ext uri="{9D8B030D-6E8A-4147-A177-3AD203B41FA5}">
                      <a16:colId xmlns:a16="http://schemas.microsoft.com/office/drawing/2014/main" val="4006197000"/>
                    </a:ext>
                  </a:extLst>
                </a:gridCol>
                <a:gridCol w="924560">
                  <a:extLst>
                    <a:ext uri="{9D8B030D-6E8A-4147-A177-3AD203B41FA5}">
                      <a16:colId xmlns:a16="http://schemas.microsoft.com/office/drawing/2014/main" val="4035986047"/>
                    </a:ext>
                  </a:extLst>
                </a:gridCol>
                <a:gridCol w="890944">
                  <a:extLst>
                    <a:ext uri="{9D8B030D-6E8A-4147-A177-3AD203B41FA5}">
                      <a16:colId xmlns:a16="http://schemas.microsoft.com/office/drawing/2014/main" val="2694905645"/>
                    </a:ext>
                  </a:extLst>
                </a:gridCol>
                <a:gridCol w="805776">
                  <a:extLst>
                    <a:ext uri="{9D8B030D-6E8A-4147-A177-3AD203B41FA5}">
                      <a16:colId xmlns:a16="http://schemas.microsoft.com/office/drawing/2014/main" val="2166646131"/>
                    </a:ext>
                  </a:extLst>
                </a:gridCol>
                <a:gridCol w="817972">
                  <a:extLst>
                    <a:ext uri="{9D8B030D-6E8A-4147-A177-3AD203B41FA5}">
                      <a16:colId xmlns:a16="http://schemas.microsoft.com/office/drawing/2014/main" val="2942345920"/>
                    </a:ext>
                  </a:extLst>
                </a:gridCol>
                <a:gridCol w="25400">
                  <a:extLst>
                    <a:ext uri="{9D8B030D-6E8A-4147-A177-3AD203B41FA5}">
                      <a16:colId xmlns:a16="http://schemas.microsoft.com/office/drawing/2014/main" val="996814407"/>
                    </a:ext>
                  </a:extLst>
                </a:gridCol>
                <a:gridCol w="1117600">
                  <a:extLst>
                    <a:ext uri="{9D8B030D-6E8A-4147-A177-3AD203B41FA5}">
                      <a16:colId xmlns:a16="http://schemas.microsoft.com/office/drawing/2014/main" val="2390576412"/>
                    </a:ext>
                  </a:extLst>
                </a:gridCol>
              </a:tblGrid>
              <a:tr h="18415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[in $M;cost/(benefit)]</a:t>
                      </a:r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Y 22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Y 2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Y 24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Y 2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Y 26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Y Total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333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0586362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Cost </a:t>
                      </a:r>
                      <a:r>
                        <a:rPr lang="en-US" sz="1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ex</a:t>
                      </a:r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(Including RTB)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12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3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3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3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9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0025947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Benefit Opex - Type 1 (Including RTB)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7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.4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.4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.4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8.9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06152380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IT OpEx Impact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12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1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6.00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17183435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Cost Capex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6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23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28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34438256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Benefit Capex - Type 1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1314592"/>
                  </a:ext>
                </a:extLst>
              </a:tr>
              <a:tr h="17145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et IT Capex Impact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6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23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28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ap="flat" cmpd="dbl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69182907"/>
                  </a:ext>
                </a:extLst>
              </a:tr>
              <a:tr h="17145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TotEx Impact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18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0.87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68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.71)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 w="25400" cap="flat" cmpd="dbl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86370560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 Benefits - Type 2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3485345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Cost Totex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18482244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Benefit - Type1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93940719"/>
                  </a:ext>
                </a:extLst>
              </a:tr>
              <a:tr h="165100"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siness Benefit - Type2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3483527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EF61644D-D5C7-42BA-8257-2B422B4D2DC0}"/>
              </a:ext>
            </a:extLst>
          </p:cNvPr>
          <p:cNvSpPr txBox="1"/>
          <p:nvPr/>
        </p:nvSpPr>
        <p:spPr>
          <a:xfrm rot="10800000" flipV="1">
            <a:off x="8729565" y="2730694"/>
            <a:ext cx="3106835" cy="249299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Based on recent work by Boston Consulting Group, National Grid rates “low” or “very low” across the three major components of Data (Master Data Solutions, Data Governance, and Data Tools &amp; Platforms). BCG’s study, that looked into a subset of the Data domains at National Grid, estimated the costs of bad Data are $73-98M. Given the limited scope of their review, they concluded that the full cost is likely much higher.” </a:t>
            </a:r>
            <a:r>
              <a:rPr lang="en-US" sz="800" dirty="0">
                <a:latin typeface="Calibri" panose="020F0502020204030204" pitchFamily="34" charset="0"/>
                <a:cs typeface="Calibri" panose="020F0502020204030204" pitchFamily="34" charset="0"/>
              </a:rPr>
              <a:t>1</a:t>
            </a:r>
          </a:p>
          <a:p>
            <a:endParaRPr lang="en-US" sz="1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800" i="1" dirty="0">
                <a:latin typeface="Calibri" panose="020F0502020204030204" pitchFamily="34" charset="0"/>
                <a:cs typeface="Calibri" panose="020F0502020204030204" pitchFamily="34" charset="0"/>
              </a:rPr>
              <a:t>1</a:t>
            </a:r>
            <a:r>
              <a:rPr lang="en-US" sz="1200" i="1" dirty="0">
                <a:latin typeface="Calibri" panose="020F0502020204030204" pitchFamily="34" charset="0"/>
                <a:cs typeface="Calibri" panose="020F0502020204030204" pitchFamily="34" charset="0"/>
              </a:rPr>
              <a:t> Analysis of the Current State of Data at National Grid by BCG dated April 7th, 2020. </a:t>
            </a:r>
            <a:endParaRPr lang="en-US" sz="12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99032925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4138" y="29531"/>
            <a:ext cx="11436193" cy="615549"/>
          </a:xfrm>
        </p:spPr>
        <p:txBody>
          <a:bodyPr/>
          <a:lstStyle/>
          <a:p>
            <a:r>
              <a:rPr lang="en-GB" sz="3400" dirty="0"/>
              <a:t>Master Data Management Proposed Roadmap (Draft)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2D1BA13E-A354-4B38-A999-A785D8966392}"/>
              </a:ext>
            </a:extLst>
          </p:cNvPr>
          <p:cNvSpPr/>
          <p:nvPr/>
        </p:nvSpPr>
        <p:spPr>
          <a:xfrm>
            <a:off x="1061864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44EA30E4-244E-4F82-9D7D-21905BD4BA11}"/>
              </a:ext>
            </a:extLst>
          </p:cNvPr>
          <p:cNvSpPr/>
          <p:nvPr/>
        </p:nvSpPr>
        <p:spPr>
          <a:xfrm>
            <a:off x="1600131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A12C81B1-BE83-48E0-82F6-ED0EDEB9568A}"/>
              </a:ext>
            </a:extLst>
          </p:cNvPr>
          <p:cNvSpPr/>
          <p:nvPr/>
        </p:nvSpPr>
        <p:spPr>
          <a:xfrm>
            <a:off x="2137625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3752965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e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214156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1061864" y="789065"/>
            <a:ext cx="6901158" cy="229164"/>
          </a:xfrm>
          <a:prstGeom prst="rect">
            <a:avLst/>
          </a:prstGeom>
          <a:solidFill>
            <a:srgbClr val="00B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914332"/>
            <a:r>
              <a:rPr lang="en-US" sz="1467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130" name="Rectangle 129">
            <a:extLst>
              <a:ext uri="{FF2B5EF4-FFF2-40B4-BE49-F238E27FC236}">
                <a16:creationId xmlns:a16="http://schemas.microsoft.com/office/drawing/2014/main" id="{8D198724-3E6B-4504-AE71-7A5090A86AB4}"/>
              </a:ext>
            </a:extLst>
          </p:cNvPr>
          <p:cNvSpPr/>
          <p:nvPr/>
        </p:nvSpPr>
        <p:spPr>
          <a:xfrm>
            <a:off x="2675889" y="1065443"/>
            <a:ext cx="525069" cy="186771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8F7C78EF-3C75-4163-A598-3EFE46A4496D}"/>
              </a:ext>
            </a:extLst>
          </p:cNvPr>
          <p:cNvSpPr/>
          <p:nvPr/>
        </p:nvSpPr>
        <p:spPr>
          <a:xfrm>
            <a:off x="6150618" y="1075326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4928004" y="1075326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94C2F0E4-C549-4C65-85EC-0F72D28AEB7B}"/>
              </a:ext>
            </a:extLst>
          </p:cNvPr>
          <p:cNvSpPr/>
          <p:nvPr/>
        </p:nvSpPr>
        <p:spPr>
          <a:xfrm>
            <a:off x="5534726" y="1075326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Sept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4291556" y="1073620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4" name="OTLSHAPE_SL_94da38b5ca484e3f9a172e88e7bff00b_BackgroundRectangle">
            <a:extLst>
              <a:ext uri="{FF2B5EF4-FFF2-40B4-BE49-F238E27FC236}">
                <a16:creationId xmlns:a16="http://schemas.microsoft.com/office/drawing/2014/main" id="{589FEC22-3503-46A6-852D-980452A1AE14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43808" y="1323591"/>
            <a:ext cx="12059549" cy="887963"/>
          </a:xfrm>
          <a:prstGeom prst="rect">
            <a:avLst/>
          </a:prstGeom>
          <a:solidFill>
            <a:schemeClr val="accent2">
              <a:lumMod val="5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bb31dba40afb42509c61b1136d9b8acb_BackgroundRectangle">
            <a:extLst>
              <a:ext uri="{FF2B5EF4-FFF2-40B4-BE49-F238E27FC236}">
                <a16:creationId xmlns:a16="http://schemas.microsoft.com/office/drawing/2014/main" id="{EABE8EC2-416A-418B-8120-B18B31EBDEB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5606" y="2292762"/>
            <a:ext cx="12059549" cy="160924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94da38b5ca484e3f9a172e88e7bff00b_HeaderRectangle">
            <a:extLst>
              <a:ext uri="{FF2B5EF4-FFF2-40B4-BE49-F238E27FC236}">
                <a16:creationId xmlns:a16="http://schemas.microsoft.com/office/drawing/2014/main" id="{10DC6CD8-91E3-4B53-9BD0-EB711AC08B2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5606" y="1334834"/>
            <a:ext cx="1057385" cy="893103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bb31dba40afb42509c61b1136d9b8acb_HeaderRectangle">
            <a:extLst>
              <a:ext uri="{FF2B5EF4-FFF2-40B4-BE49-F238E27FC236}">
                <a16:creationId xmlns:a16="http://schemas.microsoft.com/office/drawing/2014/main" id="{57DE089B-5DA7-40E2-88B0-96941EA7272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5606" y="2292763"/>
            <a:ext cx="1057385" cy="1609240"/>
          </a:xfrm>
          <a:prstGeom prst="rect">
            <a:avLst/>
          </a:prstGeom>
          <a:solidFill>
            <a:srgbClr val="A8DA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72b320f81b6e4b04a3fce01de595adb0_Shape">
            <a:extLst>
              <a:ext uri="{FF2B5EF4-FFF2-40B4-BE49-F238E27FC236}">
                <a16:creationId xmlns:a16="http://schemas.microsoft.com/office/drawing/2014/main" id="{E0B4B23A-7932-43BC-AF8D-0F91C289B51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85273" y="1659843"/>
            <a:ext cx="2911448" cy="184675"/>
          </a:xfrm>
          <a:prstGeom prst="homePlate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008000"/>
              </a:highlight>
            </a:endParaRPr>
          </a:p>
        </p:txBody>
      </p:sp>
      <p:sp>
        <p:nvSpPr>
          <p:cNvPr id="33" name="OTLSHAPE_SLT_e8a0d0690d7843edaca796e8b25719da_Shape">
            <a:extLst>
              <a:ext uri="{FF2B5EF4-FFF2-40B4-BE49-F238E27FC236}">
                <a16:creationId xmlns:a16="http://schemas.microsoft.com/office/drawing/2014/main" id="{0C00487C-EEF0-4683-8846-FC948EF76C6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700715" y="2751784"/>
            <a:ext cx="9402640" cy="204989"/>
          </a:xfrm>
          <a:prstGeom prst="homePlate">
            <a:avLst/>
          </a:prstGeom>
          <a:solidFill>
            <a:srgbClr val="A8DA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_94da38b5ca484e3f9a172e88e7bff00b_Header">
            <a:extLst>
              <a:ext uri="{FF2B5EF4-FFF2-40B4-BE49-F238E27FC236}">
                <a16:creationId xmlns:a16="http://schemas.microsoft.com/office/drawing/2014/main" id="{1099C169-F24E-444E-856A-49EEB09E8ED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6949" y="1586973"/>
            <a:ext cx="1057385" cy="357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MDM Tool</a:t>
            </a:r>
            <a:endParaRPr lang="en-US" sz="11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_bb31dba40afb42509c61b1136d9b8acb_Header">
            <a:extLst>
              <a:ext uri="{FF2B5EF4-FFF2-40B4-BE49-F238E27FC236}">
                <a16:creationId xmlns:a16="http://schemas.microsoft.com/office/drawing/2014/main" id="{56E801B7-7A25-42F8-96A7-0CA94319B74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606" y="2505009"/>
            <a:ext cx="1057385" cy="12482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1100" b="1">
                <a:solidFill>
                  <a:schemeClr val="lt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US Customer</a:t>
            </a:r>
          </a:p>
          <a:p>
            <a:r>
              <a:rPr lang="en-US" dirty="0"/>
              <a:t>Master Data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7365386" y="1073620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6759739" y="1073620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97" name="OTLSHAPE_SLM_0aec949068fc4edb9016a17022f2fa0f_Title">
            <a:extLst>
              <a:ext uri="{FF2B5EF4-FFF2-40B4-BE49-F238E27FC236}">
                <a16:creationId xmlns:a16="http://schemas.microsoft.com/office/drawing/2014/main" id="{AA2E24C4-B101-4682-BE15-DD842C6C85F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18971" y="1867784"/>
            <a:ext cx="65862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Select </a:t>
            </a:r>
          </a:p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The Tool</a:t>
            </a:r>
          </a:p>
        </p:txBody>
      </p:sp>
      <p:sp>
        <p:nvSpPr>
          <p:cNvPr id="98" name="OTLSHAPE_SLM_0aec949068fc4edb9016a17022f2fa0f_Shape">
            <a:extLst>
              <a:ext uri="{FF2B5EF4-FFF2-40B4-BE49-F238E27FC236}">
                <a16:creationId xmlns:a16="http://schemas.microsoft.com/office/drawing/2014/main" id="{CA7D060B-4FE0-4E6D-B0CC-0728E36EC4D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842772" y="166347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008000"/>
              </a:highlight>
            </a:endParaRP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59817DAA-161B-420A-BC4D-60DEF49EC9A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85138" y="1872507"/>
            <a:ext cx="149245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MDM Environment </a:t>
            </a:r>
          </a:p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Ready to use</a:t>
            </a:r>
          </a:p>
        </p:txBody>
      </p:sp>
      <p:sp>
        <p:nvSpPr>
          <p:cNvPr id="100" name="OTLSHAPE_SLM_0aec949068fc4edb9016a17022f2fa0f_Shape">
            <a:extLst>
              <a:ext uri="{FF2B5EF4-FFF2-40B4-BE49-F238E27FC236}">
                <a16:creationId xmlns:a16="http://schemas.microsoft.com/office/drawing/2014/main" id="{3A09A029-302E-4B9B-866D-0D696D5131F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21128" y="2756549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M_0aec949068fc4edb9016a17022f2fa0f_Title">
            <a:extLst>
              <a:ext uri="{FF2B5EF4-FFF2-40B4-BE49-F238E27FC236}">
                <a16:creationId xmlns:a16="http://schemas.microsoft.com/office/drawing/2014/main" id="{15CC1046-8680-45CB-89F0-310FEB97A35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732011" y="2401642"/>
            <a:ext cx="1371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1 </a:t>
            </a:r>
          </a:p>
        </p:txBody>
      </p:sp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1FFAC9FD-B3F0-4106-BF9A-3DC5D127BC5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972912" y="275428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M_0aec949068fc4edb9016a17022f2fa0f_Title">
            <a:extLst>
              <a:ext uri="{FF2B5EF4-FFF2-40B4-BE49-F238E27FC236}">
                <a16:creationId xmlns:a16="http://schemas.microsoft.com/office/drawing/2014/main" id="{A55B8CAF-8879-4121-824B-B5030C1DEE34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614322" y="2404855"/>
            <a:ext cx="87496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2 </a:t>
            </a:r>
          </a:p>
        </p:txBody>
      </p:sp>
      <p:sp>
        <p:nvSpPr>
          <p:cNvPr id="110" name="OTLSHAPE_SLM_0aec949068fc4edb9016a17022f2fa0f_Shape">
            <a:extLst>
              <a:ext uri="{FF2B5EF4-FFF2-40B4-BE49-F238E27FC236}">
                <a16:creationId xmlns:a16="http://schemas.microsoft.com/office/drawing/2014/main" id="{217883F5-EC22-4F06-ACCF-DD99C7CB893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595639" y="1657711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008000"/>
              </a:highlight>
            </a:endParaRPr>
          </a:p>
        </p:txBody>
      </p:sp>
      <p:sp>
        <p:nvSpPr>
          <p:cNvPr id="112" name="OTLSHAPE_SLM_0aec949068fc4edb9016a17022f2fa0f_Title">
            <a:extLst>
              <a:ext uri="{FF2B5EF4-FFF2-40B4-BE49-F238E27FC236}">
                <a16:creationId xmlns:a16="http://schemas.microsoft.com/office/drawing/2014/main" id="{D8C94D13-8466-4F63-B0E7-7E613321E45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759589" y="1333322"/>
            <a:ext cx="182423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Complete Security Assessment, Contact &amp; Get Funding</a:t>
            </a:r>
          </a:p>
        </p:txBody>
      </p:sp>
      <p:sp>
        <p:nvSpPr>
          <p:cNvPr id="67" name="OTLSHAPE_SLM_0aec949068fc4edb9016a17022f2fa0f_Shape">
            <a:extLst>
              <a:ext uri="{FF2B5EF4-FFF2-40B4-BE49-F238E27FC236}">
                <a16:creationId xmlns:a16="http://schemas.microsoft.com/office/drawing/2014/main" id="{466AB895-CCC8-43ED-A69B-54D9D03307D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030056" y="2750885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M_0aec949068fc4edb9016a17022f2fa0f_Title">
            <a:extLst>
              <a:ext uri="{FF2B5EF4-FFF2-40B4-BE49-F238E27FC236}">
                <a16:creationId xmlns:a16="http://schemas.microsoft.com/office/drawing/2014/main" id="{9B234603-0E51-4363-A842-3971F23C9FC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728592" y="2407718"/>
            <a:ext cx="78588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US Customer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Pre-work</a:t>
            </a:r>
          </a:p>
        </p:txBody>
      </p:sp>
      <p:sp>
        <p:nvSpPr>
          <p:cNvPr id="83" name="OTLSHAPE_SLM_0aec949068fc4edb9016a17022f2fa0f_Shape">
            <a:extLst>
              <a:ext uri="{FF2B5EF4-FFF2-40B4-BE49-F238E27FC236}">
                <a16:creationId xmlns:a16="http://schemas.microsoft.com/office/drawing/2014/main" id="{94B214B1-8059-4334-B47A-4343380244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744328" y="275987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M_0aec949068fc4edb9016a17022f2fa0f_Title">
            <a:extLst>
              <a:ext uri="{FF2B5EF4-FFF2-40B4-BE49-F238E27FC236}">
                <a16:creationId xmlns:a16="http://schemas.microsoft.com/office/drawing/2014/main" id="{DB63FBA2-01D0-411C-A156-891BF33CC32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479624" y="2949651"/>
            <a:ext cx="6854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Approve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Funding</a:t>
            </a:r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907AA7C3-1245-45EC-9C80-1A87690C683F}"/>
              </a:ext>
            </a:extLst>
          </p:cNvPr>
          <p:cNvSpPr/>
          <p:nvPr/>
        </p:nvSpPr>
        <p:spPr>
          <a:xfrm>
            <a:off x="7977350" y="1078804"/>
            <a:ext cx="525069" cy="17175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27" name="Rectangle 126">
            <a:extLst>
              <a:ext uri="{FF2B5EF4-FFF2-40B4-BE49-F238E27FC236}">
                <a16:creationId xmlns:a16="http://schemas.microsoft.com/office/drawing/2014/main" id="{FFD8F116-EE4A-477D-AB8F-8002FDADFB81}"/>
              </a:ext>
            </a:extLst>
          </p:cNvPr>
          <p:cNvSpPr/>
          <p:nvPr/>
        </p:nvSpPr>
        <p:spPr>
          <a:xfrm>
            <a:off x="8526406" y="1078804"/>
            <a:ext cx="525069" cy="168696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6ABCA873-7546-4896-8E99-701F8FB06648}"/>
              </a:ext>
            </a:extLst>
          </p:cNvPr>
          <p:cNvSpPr txBox="1"/>
          <p:nvPr/>
        </p:nvSpPr>
        <p:spPr bwMode="auto">
          <a:xfrm flipH="1">
            <a:off x="7980594" y="782074"/>
            <a:ext cx="4122761" cy="225767"/>
          </a:xfrm>
          <a:prstGeom prst="rect">
            <a:avLst/>
          </a:prstGeom>
          <a:solidFill>
            <a:srgbClr val="00B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914332">
              <a:buClr>
                <a:srgbClr val="55555A"/>
              </a:buClr>
            </a:pPr>
            <a:r>
              <a:rPr lang="en-US" sz="1467">
                <a:solidFill>
                  <a:srgbClr val="FFFFFF"/>
                </a:solidFill>
                <a:latin typeface="Arial"/>
                <a:ea typeface="ＭＳ Ｐゴシック"/>
              </a:rPr>
              <a:t>2022</a:t>
            </a:r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D4496B31-6AC2-4899-9CEA-3A3BA5EAFE9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065589" y="1657711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highlight>
                <a:srgbClr val="008000"/>
              </a:highlight>
            </a:endParaRPr>
          </a:p>
        </p:txBody>
      </p:sp>
      <p:sp>
        <p:nvSpPr>
          <p:cNvPr id="138" name="OTLSHAPE_SL_f6ffadc9780a4f3ab22a7e53bade919d_BackgroundRectangle">
            <a:extLst>
              <a:ext uri="{FF2B5EF4-FFF2-40B4-BE49-F238E27FC236}">
                <a16:creationId xmlns:a16="http://schemas.microsoft.com/office/drawing/2014/main" id="{2BDD3DE7-3FC1-4D02-A681-64E182864F2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3806" y="4018842"/>
            <a:ext cx="12059549" cy="1773714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_f6ffadc9780a4f3ab22a7e53bade919d_HeaderRectangle">
            <a:extLst>
              <a:ext uri="{FF2B5EF4-FFF2-40B4-BE49-F238E27FC236}">
                <a16:creationId xmlns:a16="http://schemas.microsoft.com/office/drawing/2014/main" id="{DCEA2215-C91C-4143-9469-F530FE55C90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3806" y="4018844"/>
            <a:ext cx="1057385" cy="1773714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_f6ffadc9780a4f3ab22a7e53bade919d_Header">
            <a:extLst>
              <a:ext uri="{FF2B5EF4-FFF2-40B4-BE49-F238E27FC236}">
                <a16:creationId xmlns:a16="http://schemas.microsoft.com/office/drawing/2014/main" id="{17442861-3E8E-4979-97DD-4BF38E4EE73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3806" y="4252556"/>
            <a:ext cx="1057385" cy="1403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1100" b="1">
                <a:solidFill>
                  <a:schemeClr val="lt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US Asset</a:t>
            </a:r>
          </a:p>
          <a:p>
            <a:r>
              <a:rPr lang="en-US" dirty="0"/>
              <a:t>Master Data</a:t>
            </a:r>
          </a:p>
        </p:txBody>
      </p:sp>
      <p:sp>
        <p:nvSpPr>
          <p:cNvPr id="141" name="OTLSHAPE_SLT_302ad5dd614e43839f4e52cba7530e7d_Shape">
            <a:extLst>
              <a:ext uri="{FF2B5EF4-FFF2-40B4-BE49-F238E27FC236}">
                <a16:creationId xmlns:a16="http://schemas.microsoft.com/office/drawing/2014/main" id="{8454E314-08AF-4EEC-BE26-CFEFD373A96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763279" y="4564853"/>
            <a:ext cx="7338276" cy="193873"/>
          </a:xfrm>
          <a:prstGeom prst="homePlat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M_0aec949068fc4edb9016a17022f2fa0f_Shape">
            <a:extLst>
              <a:ext uri="{FF2B5EF4-FFF2-40B4-BE49-F238E27FC236}">
                <a16:creationId xmlns:a16="http://schemas.microsoft.com/office/drawing/2014/main" id="{74E8E649-57E6-4FF6-8FDC-37640C8CF74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515267" y="4557752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M_0aec949068fc4edb9016a17022f2fa0f_Title">
            <a:extLst>
              <a:ext uri="{FF2B5EF4-FFF2-40B4-BE49-F238E27FC236}">
                <a16:creationId xmlns:a16="http://schemas.microsoft.com/office/drawing/2014/main" id="{66793348-176F-452C-A8EB-A6B4A27D3F4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04816" y="4213998"/>
            <a:ext cx="82069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>
                <a:solidFill>
                  <a:schemeClr val="dk1"/>
                </a:solidFill>
                <a:latin typeface="Calibri" panose="020F0502020204030204" pitchFamily="34" charset="0"/>
              </a:rPr>
              <a:t>Release 1</a:t>
            </a:r>
          </a:p>
        </p:txBody>
      </p:sp>
      <p:sp>
        <p:nvSpPr>
          <p:cNvPr id="144" name="OTLSHAPE_SLM_0aec949068fc4edb9016a17022f2fa0f_Shape">
            <a:extLst>
              <a:ext uri="{FF2B5EF4-FFF2-40B4-BE49-F238E27FC236}">
                <a16:creationId xmlns:a16="http://schemas.microsoft.com/office/drawing/2014/main" id="{B7F088B2-B180-408A-9097-EAAA3DA83D0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964339" y="4563536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M_0aec949068fc4edb9016a17022f2fa0f_Title">
            <a:extLst>
              <a:ext uri="{FF2B5EF4-FFF2-40B4-BE49-F238E27FC236}">
                <a16:creationId xmlns:a16="http://schemas.microsoft.com/office/drawing/2014/main" id="{A7132199-87DB-4DE4-864F-4CB9530D0E3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366133" y="4212276"/>
            <a:ext cx="1371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US Asset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Pre-work</a:t>
            </a:r>
          </a:p>
        </p:txBody>
      </p:sp>
      <p:sp>
        <p:nvSpPr>
          <p:cNvPr id="146" name="OTLSHAPE_SLM_0aec949068fc4edb9016a17022f2fa0f_Shape">
            <a:extLst>
              <a:ext uri="{FF2B5EF4-FFF2-40B4-BE49-F238E27FC236}">
                <a16:creationId xmlns:a16="http://schemas.microsoft.com/office/drawing/2014/main" id="{B00D803B-D9B9-4768-AC71-0EA2488E4BC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921583" y="457394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0aec949068fc4edb9016a17022f2fa0f_Title">
            <a:extLst>
              <a:ext uri="{FF2B5EF4-FFF2-40B4-BE49-F238E27FC236}">
                <a16:creationId xmlns:a16="http://schemas.microsoft.com/office/drawing/2014/main" id="{25E81B18-5C10-4C61-9D30-000CF6A0574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545388" y="4770029"/>
            <a:ext cx="91112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Approve 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Funding</a:t>
            </a: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F8340138-0BF2-4FF0-B509-432F5CC72A75}"/>
              </a:ext>
            </a:extLst>
          </p:cNvPr>
          <p:cNvSpPr/>
          <p:nvPr/>
        </p:nvSpPr>
        <p:spPr>
          <a:xfrm>
            <a:off x="10292684" y="1077217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lIns="48000" rIns="48000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9" name="Rectangle 128">
            <a:extLst>
              <a:ext uri="{FF2B5EF4-FFF2-40B4-BE49-F238E27FC236}">
                <a16:creationId xmlns:a16="http://schemas.microsoft.com/office/drawing/2014/main" id="{DE2965F7-5F5B-45F7-BBF8-2465706802D9}"/>
              </a:ext>
            </a:extLst>
          </p:cNvPr>
          <p:cNvSpPr/>
          <p:nvPr/>
        </p:nvSpPr>
        <p:spPr>
          <a:xfrm>
            <a:off x="10901898" y="1077217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33" name="Rectangle 132">
            <a:extLst>
              <a:ext uri="{FF2B5EF4-FFF2-40B4-BE49-F238E27FC236}">
                <a16:creationId xmlns:a16="http://schemas.microsoft.com/office/drawing/2014/main" id="{05BCA9C4-6418-416D-A089-DF0F70D10B10}"/>
              </a:ext>
            </a:extLst>
          </p:cNvPr>
          <p:cNvSpPr/>
          <p:nvPr/>
        </p:nvSpPr>
        <p:spPr>
          <a:xfrm>
            <a:off x="11513160" y="1077217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1B462DF7-7129-4030-9023-3BE86B89F625}"/>
              </a:ext>
            </a:extLst>
          </p:cNvPr>
          <p:cNvSpPr/>
          <p:nvPr/>
        </p:nvSpPr>
        <p:spPr>
          <a:xfrm>
            <a:off x="9070071" y="1077217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51" name="Rectangle 150">
            <a:extLst>
              <a:ext uri="{FF2B5EF4-FFF2-40B4-BE49-F238E27FC236}">
                <a16:creationId xmlns:a16="http://schemas.microsoft.com/office/drawing/2014/main" id="{E48FAD15-5A7D-431A-A138-B4407DF629FD}"/>
              </a:ext>
            </a:extLst>
          </p:cNvPr>
          <p:cNvSpPr/>
          <p:nvPr/>
        </p:nvSpPr>
        <p:spPr>
          <a:xfrm>
            <a:off x="9676792" y="1077217"/>
            <a:ext cx="597637" cy="176225"/>
          </a:xfrm>
          <a:prstGeom prst="rect">
            <a:avLst/>
          </a:prstGeom>
          <a:solidFill>
            <a:srgbClr val="002060"/>
          </a:solidFill>
        </p:spPr>
        <p:txBody>
          <a:bodyPr wrap="square" rtlCol="0" anchor="ctr">
            <a:noAutofit/>
          </a:bodyPr>
          <a:lstStyle/>
          <a:p>
            <a:pPr algn="ctr" defTabSz="914332"/>
            <a:r>
              <a:rPr lang="en-US" sz="12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152" name="OTLSHAPE_SLM_0aec949068fc4edb9016a17022f2fa0f_Shape">
            <a:extLst>
              <a:ext uri="{FF2B5EF4-FFF2-40B4-BE49-F238E27FC236}">
                <a16:creationId xmlns:a16="http://schemas.microsoft.com/office/drawing/2014/main" id="{0C8BB149-CCDD-4AD2-9427-49F1A7AF2C1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967141" y="276327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M_0aec949068fc4edb9016a17022f2fa0f_Title">
            <a:extLst>
              <a:ext uri="{FF2B5EF4-FFF2-40B4-BE49-F238E27FC236}">
                <a16:creationId xmlns:a16="http://schemas.microsoft.com/office/drawing/2014/main" id="{4089AB22-43A6-4E72-B527-D69302FFBB1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608551" y="2403378"/>
            <a:ext cx="87496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3 </a:t>
            </a:r>
          </a:p>
        </p:txBody>
      </p:sp>
      <p:sp>
        <p:nvSpPr>
          <p:cNvPr id="154" name="OTLSHAPE_SLM_0aec949068fc4edb9016a17022f2fa0f_Shape">
            <a:extLst>
              <a:ext uri="{FF2B5EF4-FFF2-40B4-BE49-F238E27FC236}">
                <a16:creationId xmlns:a16="http://schemas.microsoft.com/office/drawing/2014/main" id="{68A66D4D-8972-418F-B65D-4BB5F301D2D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93709" y="4577533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M_0aec949068fc4edb9016a17022f2fa0f_Title">
            <a:extLst>
              <a:ext uri="{FF2B5EF4-FFF2-40B4-BE49-F238E27FC236}">
                <a16:creationId xmlns:a16="http://schemas.microsoft.com/office/drawing/2014/main" id="{924B783C-3028-45F3-9E2E-C2D4DF735EF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961993" y="4212669"/>
            <a:ext cx="82069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158" name="OTLSHAPE_SLM_0aec949068fc4edb9016a17022f2fa0f_Title">
            <a:extLst>
              <a:ext uri="{FF2B5EF4-FFF2-40B4-BE49-F238E27FC236}">
                <a16:creationId xmlns:a16="http://schemas.microsoft.com/office/drawing/2014/main" id="{DB3F1DAB-9400-4E1D-87A4-6BC8AFEA503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65235" y="2549541"/>
            <a:ext cx="1270391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3" dirty="0">
                <a:solidFill>
                  <a:schemeClr val="dk1"/>
                </a:solidFill>
                <a:latin typeface="Calibri" panose="020F0502020204030204" pitchFamily="34" charset="0"/>
              </a:rPr>
              <a:t>Working with MDM Vendor Prof Service to plan 4 months 1</a:t>
            </a:r>
            <a:r>
              <a:rPr lang="en-US" sz="1200" i="1" spc="-3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1200" i="1" spc="-3" dirty="0">
                <a:solidFill>
                  <a:schemeClr val="dk1"/>
                </a:solidFill>
                <a:latin typeface="Calibri" panose="020F0502020204030204" pitchFamily="34" charset="0"/>
              </a:rPr>
              <a:t> MVP with customer</a:t>
            </a:r>
          </a:p>
        </p:txBody>
      </p:sp>
      <p:sp>
        <p:nvSpPr>
          <p:cNvPr id="159" name="OTLSHAPE_SLM_0aec949068fc4edb9016a17022f2fa0f_Title">
            <a:extLst>
              <a:ext uri="{FF2B5EF4-FFF2-40B4-BE49-F238E27FC236}">
                <a16:creationId xmlns:a16="http://schemas.microsoft.com/office/drawing/2014/main" id="{12FDE791-4AB9-4DF0-A135-93DF6AAB64C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272961" y="4419073"/>
            <a:ext cx="1290079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3">
                <a:solidFill>
                  <a:schemeClr val="dk1"/>
                </a:solidFill>
                <a:latin typeface="Calibri" panose="020F0502020204030204" pitchFamily="34" charset="0"/>
              </a:rPr>
              <a:t>Working with MDM Vendor Prof Service to plan 3 months 2</a:t>
            </a:r>
            <a:r>
              <a:rPr lang="en-US" sz="1200" i="1" spc="-3" baseline="3000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1200" i="1" spc="-3">
                <a:solidFill>
                  <a:schemeClr val="dk1"/>
                </a:solidFill>
                <a:latin typeface="Calibri" panose="020F0502020204030204" pitchFamily="34" charset="0"/>
              </a:rPr>
              <a:t> MVP with US Asset</a:t>
            </a:r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7B0343E6-9A83-4FB4-BE00-D64EBE69802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20040" y="4778312"/>
            <a:ext cx="1399547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MVP – Persistent Unique ID, Key Location and Asset fields</a:t>
            </a:r>
          </a:p>
        </p:txBody>
      </p:sp>
      <p:sp>
        <p:nvSpPr>
          <p:cNvPr id="122" name="OTLSHAPE_SLM_0aec949068fc4edb9016a17022f2fa0f_Title">
            <a:extLst>
              <a:ext uri="{FF2B5EF4-FFF2-40B4-BE49-F238E27FC236}">
                <a16:creationId xmlns:a16="http://schemas.microsoft.com/office/drawing/2014/main" id="{941FC2E9-C03C-45B4-AF4C-8F1C34467FF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730671" y="4769764"/>
            <a:ext cx="1313736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Additional Asset and Location </a:t>
            </a:r>
          </a:p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Master Data</a:t>
            </a:r>
          </a:p>
        </p:txBody>
      </p:sp>
      <p:sp>
        <p:nvSpPr>
          <p:cNvPr id="131" name="OTLSHAPE_SLM_0aec949068fc4edb9016a17022f2fa0f_Title">
            <a:extLst>
              <a:ext uri="{FF2B5EF4-FFF2-40B4-BE49-F238E27FC236}">
                <a16:creationId xmlns:a16="http://schemas.microsoft.com/office/drawing/2014/main" id="{AC4E5A5F-E6BC-4F4E-B9D6-53DBF46FBD4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279286" y="4770607"/>
            <a:ext cx="1537978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Asset Data model, Master Record, Profiling, CDC, </a:t>
            </a:r>
          </a:p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Rules/Requirement</a:t>
            </a:r>
          </a:p>
        </p:txBody>
      </p:sp>
      <p:sp>
        <p:nvSpPr>
          <p:cNvPr id="132" name="OTLSHAPE_SLM_0aec949068fc4edb9016a17022f2fa0f_Title">
            <a:extLst>
              <a:ext uri="{FF2B5EF4-FFF2-40B4-BE49-F238E27FC236}">
                <a16:creationId xmlns:a16="http://schemas.microsoft.com/office/drawing/2014/main" id="{3F6B51D1-A3A5-4124-8421-98C13E6F661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275791" y="4769764"/>
            <a:ext cx="1313736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Additional Asset and Location </a:t>
            </a:r>
          </a:p>
          <a:p>
            <a:pPr algn="ctr">
              <a:spcAft>
                <a:spcPts val="0"/>
              </a:spcAft>
            </a:pP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Master Data</a:t>
            </a:r>
          </a:p>
        </p:txBody>
      </p:sp>
      <p:sp>
        <p:nvSpPr>
          <p:cNvPr id="148" name="OTLSHAPE_SLM_0aec949068fc4edb9016a17022f2fa0f_Shape">
            <a:extLst>
              <a:ext uri="{FF2B5EF4-FFF2-40B4-BE49-F238E27FC236}">
                <a16:creationId xmlns:a16="http://schemas.microsoft.com/office/drawing/2014/main" id="{22C58E60-058C-4DA0-9B38-A1677A178FB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838985" y="4581077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M_0aec949068fc4edb9016a17022f2fa0f_Title">
            <a:extLst>
              <a:ext uri="{FF2B5EF4-FFF2-40B4-BE49-F238E27FC236}">
                <a16:creationId xmlns:a16="http://schemas.microsoft.com/office/drawing/2014/main" id="{CF138F9C-5433-424C-89F0-05DF065EEE3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507269" y="4216213"/>
            <a:ext cx="82069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MVP</a:t>
            </a:r>
          </a:p>
          <a:p>
            <a:pPr algn="ctr"/>
            <a:r>
              <a:rPr lang="en-US" sz="1100" spc="-3" dirty="0">
                <a:solidFill>
                  <a:schemeClr val="dk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160" name="OTLSHAPE_SLM_0aec949068fc4edb9016a17022f2fa0f_Title">
            <a:extLst>
              <a:ext uri="{FF2B5EF4-FFF2-40B4-BE49-F238E27FC236}">
                <a16:creationId xmlns:a16="http://schemas.microsoft.com/office/drawing/2014/main" id="{9186D222-BC40-4DE4-9AC8-4C776A52264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766883" y="2969597"/>
            <a:ext cx="1281041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825" spc="-2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sz="1100" dirty="0"/>
              <a:t> Persistent Unique ID,</a:t>
            </a:r>
          </a:p>
          <a:p>
            <a:r>
              <a:rPr lang="en-US" sz="1100" dirty="0"/>
              <a:t>   Key Customer fields, Account</a:t>
            </a:r>
          </a:p>
        </p:txBody>
      </p:sp>
      <p:sp>
        <p:nvSpPr>
          <p:cNvPr id="161" name="OTLSHAPE_SLM_0aec949068fc4edb9016a17022f2fa0f_Title">
            <a:extLst>
              <a:ext uri="{FF2B5EF4-FFF2-40B4-BE49-F238E27FC236}">
                <a16:creationId xmlns:a16="http://schemas.microsoft.com/office/drawing/2014/main" id="{D167892D-9996-492F-80A4-A88137176C1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362420" y="2960214"/>
            <a:ext cx="1399547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825" spc="-2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sz="1100" dirty="0"/>
              <a:t>Customer Contact, </a:t>
            </a:r>
          </a:p>
          <a:p>
            <a:r>
              <a:rPr lang="en-US" sz="1100" dirty="0"/>
              <a:t>Preference, Premise, Meter</a:t>
            </a:r>
          </a:p>
        </p:txBody>
      </p:sp>
      <p:sp>
        <p:nvSpPr>
          <p:cNvPr id="162" name="OTLSHAPE_SLM_0aec949068fc4edb9016a17022f2fa0f_Title">
            <a:extLst>
              <a:ext uri="{FF2B5EF4-FFF2-40B4-BE49-F238E27FC236}">
                <a16:creationId xmlns:a16="http://schemas.microsoft.com/office/drawing/2014/main" id="{B5AB7FB6-FD8B-4672-8E56-3D050230FD3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8358" y="2978842"/>
            <a:ext cx="139954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825" spc="-2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sz="1100" dirty="0"/>
              <a:t>Remaining Customer </a:t>
            </a:r>
          </a:p>
          <a:p>
            <a:r>
              <a:rPr lang="en-US" sz="1100" dirty="0"/>
              <a:t>Master Data</a:t>
            </a:r>
          </a:p>
        </p:txBody>
      </p:sp>
      <p:sp>
        <p:nvSpPr>
          <p:cNvPr id="163" name="OTLSHAPE_SLM_0aec949068fc4edb9016a17022f2fa0f_Title">
            <a:extLst>
              <a:ext uri="{FF2B5EF4-FFF2-40B4-BE49-F238E27FC236}">
                <a16:creationId xmlns:a16="http://schemas.microsoft.com/office/drawing/2014/main" id="{27343E2A-7112-4D9B-849F-89A6C35BA8B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349836" y="2955487"/>
            <a:ext cx="1553748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Prework - Customer Data, Master CDC, Data Catalog,  DQ Program, Business Rules/Requirement</a:t>
            </a:r>
          </a:p>
        </p:txBody>
      </p:sp>
    </p:spTree>
    <p:extLst>
      <p:ext uri="{BB962C8B-B14F-4D97-AF65-F5344CB8AC3E}">
        <p14:creationId xmlns:p14="http://schemas.microsoft.com/office/powerpoint/2010/main" val="2569511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024C103-4B18-4DC9-94D5-A166B433FC07}"/>
              </a:ext>
            </a:extLst>
          </p:cNvPr>
          <p:cNvSpPr txBox="1"/>
          <p:nvPr/>
        </p:nvSpPr>
        <p:spPr bwMode="auto">
          <a:xfrm>
            <a:off x="419907" y="827598"/>
            <a:ext cx="5568200" cy="53348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AMI</a:t>
            </a:r>
            <a:r>
              <a:rPr lang="en-US" sz="2133" b="1" dirty="0">
                <a:solidFill>
                  <a:schemeClr val="tx1">
                    <a:lumMod val="50000"/>
                  </a:schemeClr>
                </a:solidFill>
              </a:rPr>
              <a:t> 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, Asset, Location, Workforce,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Allocated MDM license cost in FY2022 approved budget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Approximately required by Jun/Jul 2021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 err="1">
                <a:solidFill>
                  <a:schemeClr val="tx1">
                    <a:lumMod val="50000"/>
                  </a:schemeClr>
                </a:solidFill>
              </a:rPr>
              <a:t>GridMod</a:t>
            </a: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 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Asset, Location, Workforce,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Allocated MDM license cost in FY2022 approved budget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US Customer Transformation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 B2C, Workforce, Vendor, Product,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FY2022 Business case (not approved yet) includes MDM license cost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600" b="1" dirty="0">
                <a:solidFill>
                  <a:schemeClr val="tx1">
                    <a:lumMod val="50000"/>
                  </a:schemeClr>
                </a:solidFill>
              </a:rPr>
              <a:t>IAM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Workforce, Reference</a:t>
            </a:r>
          </a:p>
          <a:p>
            <a:pPr lvl="2"/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232239-45C8-452E-9670-792186B8A9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5448" y="64559"/>
            <a:ext cx="11329827" cy="666782"/>
          </a:xfrm>
        </p:spPr>
        <p:txBody>
          <a:bodyPr/>
          <a:lstStyle/>
          <a:p>
            <a:r>
              <a:rPr lang="en-US"/>
              <a:t>Master Data Management Platform/tool Demand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F152C34-ECAE-4C22-A661-E3B6C5C17F6A}"/>
              </a:ext>
            </a:extLst>
          </p:cNvPr>
          <p:cNvSpPr txBox="1"/>
          <p:nvPr/>
        </p:nvSpPr>
        <p:spPr bwMode="auto">
          <a:xfrm>
            <a:off x="6096000" y="827852"/>
            <a:ext cx="5920552" cy="51708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Global Workforce Data Domain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Workforce,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FY2022 Business case (not approved yet) includes MDM license cost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2133" b="1" dirty="0">
                <a:solidFill>
                  <a:schemeClr val="tx1">
                    <a:lumMod val="50000"/>
                  </a:schemeClr>
                </a:solidFill>
              </a:rPr>
              <a:t>Digital Enablement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, Workforce, Asset, Location, 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 err="1">
                <a:solidFill>
                  <a:schemeClr val="tx1">
                    <a:lumMod val="50000"/>
                  </a:schemeClr>
                </a:solidFill>
              </a:rPr>
              <a:t>OnMyWay</a:t>
            </a: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, </a:t>
            </a:r>
            <a:r>
              <a:rPr lang="en-US" sz="1600" dirty="0" err="1">
                <a:solidFill>
                  <a:schemeClr val="tx1">
                    <a:lumMod val="50000"/>
                  </a:schemeClr>
                </a:solidFill>
              </a:rPr>
              <a:t>FutureNow</a:t>
            </a: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, VMO, Smart Target etc.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RIO T2 based UK-ET and UK-GT initiatives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 B2B, Workforce, Asset, Location, Vendor, Product,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ESO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 B2b, Workforce, Asset, Location,  Referenc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endParaRPr lang="en-US" sz="1600" dirty="0">
              <a:solidFill>
                <a:schemeClr val="tx1">
                  <a:lumMod val="50000"/>
                </a:schemeClr>
              </a:solidFill>
            </a:endParaRPr>
          </a:p>
          <a:p>
            <a:pPr marL="228594" lvl="1" indent="-228594">
              <a:buFont typeface="Arial" panose="020B0604020202020204" pitchFamily="34" charset="0"/>
              <a:buChar char="•"/>
            </a:pPr>
            <a:r>
              <a:rPr lang="en-US" sz="1867" b="1" dirty="0">
                <a:solidFill>
                  <a:schemeClr val="tx1">
                    <a:lumMod val="50000"/>
                  </a:schemeClr>
                </a:solidFill>
              </a:rPr>
              <a:t>Energy Efficiency/Clean Energy initiative</a:t>
            </a:r>
          </a:p>
          <a:p>
            <a:pPr marL="740981" lvl="2" indent="-380990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>
                    <a:lumMod val="50000"/>
                  </a:schemeClr>
                </a:solidFill>
              </a:rPr>
              <a:t>Domains: Customer, Workforce, Reference</a:t>
            </a:r>
          </a:p>
        </p:txBody>
      </p:sp>
    </p:spTree>
    <p:extLst>
      <p:ext uri="{BB962C8B-B14F-4D97-AF65-F5344CB8AC3E}">
        <p14:creationId xmlns:p14="http://schemas.microsoft.com/office/powerpoint/2010/main" val="3608127331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ational_grid[1]">
  <a:themeElements>
    <a:clrScheme name="Custom 3">
      <a:dk1>
        <a:srgbClr val="1F232A"/>
      </a:dk1>
      <a:lt1>
        <a:srgbClr val="FFFFFF"/>
      </a:lt1>
      <a:dk2>
        <a:srgbClr val="0079C1"/>
      </a:dk2>
      <a:lt2>
        <a:srgbClr val="808080"/>
      </a:lt2>
      <a:accent1>
        <a:srgbClr val="F78E1E"/>
      </a:accent1>
      <a:accent2>
        <a:srgbClr val="009BDB"/>
      </a:accent2>
      <a:accent3>
        <a:srgbClr val="C1CD23"/>
      </a:accent3>
      <a:accent4>
        <a:srgbClr val="9D8D85"/>
      </a:accent4>
      <a:accent5>
        <a:srgbClr val="6A2C91"/>
      </a:accent5>
      <a:accent6>
        <a:srgbClr val="47C3D3"/>
      </a:accent6>
      <a:hlink>
        <a:srgbClr val="2C3B97"/>
      </a:hlink>
      <a:folHlink>
        <a:srgbClr val="D31145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1_national_grid[1]">
  <a:themeElements>
    <a:clrScheme name="Custom 3">
      <a:dk1>
        <a:srgbClr val="1F232A"/>
      </a:dk1>
      <a:lt1>
        <a:srgbClr val="FFFFFF"/>
      </a:lt1>
      <a:dk2>
        <a:srgbClr val="0079C1"/>
      </a:dk2>
      <a:lt2>
        <a:srgbClr val="808080"/>
      </a:lt2>
      <a:accent1>
        <a:srgbClr val="F78E1E"/>
      </a:accent1>
      <a:accent2>
        <a:srgbClr val="009BDB"/>
      </a:accent2>
      <a:accent3>
        <a:srgbClr val="C1CD23"/>
      </a:accent3>
      <a:accent4>
        <a:srgbClr val="9D8D85"/>
      </a:accent4>
      <a:accent5>
        <a:srgbClr val="6A2C91"/>
      </a:accent5>
      <a:accent6>
        <a:srgbClr val="47C3D3"/>
      </a:accent6>
      <a:hlink>
        <a:srgbClr val="2C3B97"/>
      </a:hlink>
      <a:folHlink>
        <a:srgbClr val="D31145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4.xml><?xml version="1.0" encoding="utf-8"?>
<a:theme xmlns:a="http://schemas.openxmlformats.org/drawingml/2006/main" name="US PPT 2018 4x3">
  <a:themeElements>
    <a:clrScheme name="Custom 6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00148C"/>
      </a:hlink>
      <a:folHlink>
        <a:srgbClr val="00148C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US PPT 2018 4x3_template_internal or external  -  Read-Only" id="{DF2A22FF-B412-43E0-8898-171CB35A59E3}" vid="{021C8C44-D128-4814-8EFC-0C3F23E79A26}"/>
    </a:ext>
  </a:extLst>
</a:theme>
</file>

<file path=ppt/theme/theme5.xml><?xml version="1.0" encoding="utf-8"?>
<a:theme xmlns:a="http://schemas.openxmlformats.org/drawingml/2006/main" name="1_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2" ma:contentTypeDescription="Create a new document." ma:contentTypeScope="" ma:versionID="138bd2563609da7d5a9db950db7f5b8f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2e3ed490b5bcd9cf790df84676ec4f5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531A803-05D3-4684-A8CC-F6326288CE21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2fb88c42-9484-45db-b1a7-c717f8961fa6"/>
    <ds:schemaRef ds:uri="d04553ff-5444-4dd5-ba90-cf9ec227a264"/>
    <ds:schemaRef ds:uri="http://www.w3.org/XML/1998/namespace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2FAA1C40-3098-4711-8564-12A4C0DD193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54B0C4F-F33A-4544-A8CF-7E4CF3D6526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427</TotalTime>
  <Words>659</Words>
  <Application>Microsoft Office PowerPoint</Application>
  <PresentationFormat>Widescreen</PresentationFormat>
  <Paragraphs>225</Paragraphs>
  <Slides>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3</vt:i4>
      </vt:variant>
    </vt:vector>
  </HeadingPairs>
  <TitlesOfParts>
    <vt:vector size="15" baseType="lpstr">
      <vt:lpstr>Arial</vt:lpstr>
      <vt:lpstr>Calibri</vt:lpstr>
      <vt:lpstr>Georgia</vt:lpstr>
      <vt:lpstr>Lucida Grande</vt:lpstr>
      <vt:lpstr>Times New Roman</vt:lpstr>
      <vt:lpstr>Wingdings</vt:lpstr>
      <vt:lpstr>Wingdings 2</vt:lpstr>
      <vt:lpstr>national_grid[1]</vt:lpstr>
      <vt:lpstr>1_national_grid[1]</vt:lpstr>
      <vt:lpstr>NG_PPT_16x9_Generic_template-blue</vt:lpstr>
      <vt:lpstr>US PPT 2018 4x3</vt:lpstr>
      <vt:lpstr>1_NG_PPT_16x9_Generic_template-blue</vt:lpstr>
      <vt:lpstr>PowerPoint Presentation</vt:lpstr>
      <vt:lpstr>Master Data Management Proposed Roadmap (Draft)</vt:lpstr>
      <vt:lpstr>Master Data Management Platform/tool Deman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QES USA – Business Case</dc:title>
  <dc:creator>Bhattacharjee, Chinmoy</dc:creator>
  <cp:lastModifiedBy>Ajwaliya, Nishit</cp:lastModifiedBy>
  <cp:revision>85</cp:revision>
  <dcterms:created xsi:type="dcterms:W3CDTF">2020-03-09T15:28:40Z</dcterms:created>
  <dcterms:modified xsi:type="dcterms:W3CDTF">2021-03-11T17:27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AD0F478B68CCB418629D5A3D5ECB678</vt:lpwstr>
  </property>
  <property fmtid="{D5CDD505-2E9C-101B-9397-08002B2CF9AE}" pid="3" name="_NewReviewCycle">
    <vt:lpwstr/>
  </property>
</Properties>
</file>